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201"/>
  <workbookPr codeName="ThisWorkbook"/>
  <mc:AlternateContent xmlns:mc="http://schemas.openxmlformats.org/markup-compatibility/2006">
    <mc:Choice Requires="x15">
      <x15ac:absPath xmlns:x15ac="http://schemas.microsoft.com/office/spreadsheetml/2010/11/ac" url="\\s0000869\Public\Linda Majerowicz\TENA EOS Toolkit PL\TENA-produkty-102017\"/>
    </mc:Choice>
  </mc:AlternateContent>
  <bookViews>
    <workbookView xWindow="480" yWindow="1176" windowWidth="12156" windowHeight="5472" tabRatio="743"/>
  </bookViews>
  <sheets>
    <sheet name="Products" sheetId="3" r:id="rId1"/>
    <sheet name="Categorization" sheetId="4" state="hidden" r:id="rId2"/>
    <sheet name="Categorization (2)" sheetId="5" state="hidden" r:id="rId3"/>
    <sheet name="TENA Pants (rozmiary)" sheetId="10" r:id="rId4"/>
    <sheet name="Legenda do Products" sheetId="12" state="hidden" r:id="rId5"/>
    <sheet name="DOZ keywords" sheetId="13" state="hidden" r:id="rId6"/>
    <sheet name="Helper tab" sheetId="14" state="hidden" r:id="rId7"/>
    <sheet name="Categories" sheetId="15" state="hidden" r:id="rId8"/>
    <sheet name="Pionowo" sheetId="16" state="hidden" r:id="rId9"/>
    <sheet name="Poziomo" sheetId="17" state="hidden" r:id="rId10"/>
  </sheets>
  <definedNames>
    <definedName name="_xlnm._FilterDatabase" localSheetId="6" hidden="1">'Helper tab'!$A$1:$C$104</definedName>
    <definedName name="Z_0201BF4B_EFA9_4D0B_B527_84BCDAABA531_.wvu.FilterData" localSheetId="6" hidden="1">'Helper tab'!$A$1:$C$104</definedName>
    <definedName name="Z_347297B9_E98D_48A5_81C7_A3B6F79B807D_.wvu.FilterData" localSheetId="6" hidden="1">'Helper tab'!$A$1:$C$104</definedName>
    <definedName name="Z_6B575A70_6A6A_450F_AE29_EB915E5E7E05_.wvu.FilterData" localSheetId="6" hidden="1">'Helper tab'!$A$1:$C$104</definedName>
    <definedName name="Z_8A17AC69_55DF_4614_B83A_7D93DE081E37_.wvu.FilterData" localSheetId="6" hidden="1">'Helper tab'!$A$1:$C$104</definedName>
    <definedName name="Z_8A17AC69_55DF_4614_B83A_7D93DE081E37_.wvu.Rows" localSheetId="0" hidden="1">Products!$2:$2</definedName>
  </definedNames>
  <calcPr calcId="171027"/>
  <customWorkbookViews>
    <customWorkbookView name="Majerowicz Linda - Personal View" guid="{8A17AC69-55DF-4614-B83A-7D93DE081E37}" mergeInterval="0" personalView="1" maximized="1" windowWidth="1920" windowHeight="935" tabRatio="743" activeSheetId="18"/>
    <customWorkbookView name="Orzechowski Ignacy - Personal View" guid="{6B575A70-6A6A-450F-AE29-EB915E5E7E05}" mergeInterval="0" personalView="1" maximized="1" windowWidth="1676" windowHeight="825" tabRatio="743" activeSheetId="3"/>
    <customWorkbookView name="Szulc Estera - Personal View" guid="{347297B9-E98D-48A5-81C7-A3B6F79B807D}" mergeInterval="0" personalView="1" maximized="1" windowWidth="1436" windowHeight="635" tabRatio="743" activeSheetId="6"/>
    <customWorkbookView name="Grzeskowiak Anna - Personal View" guid="{0201BF4B-EFA9-4D0B-B527-84BCDAABA531}" mergeInterval="0" personalView="1" maximized="1" windowWidth="1676" windowHeight="805" tabRatio="743" activeSheetId="1"/>
  </customWorkbookViews>
</workbook>
</file>

<file path=xl/calcChain.xml><?xml version="1.0" encoding="utf-8"?>
<calcChain xmlns="http://schemas.openxmlformats.org/spreadsheetml/2006/main">
  <c r="AT4" i="5" l="1"/>
  <c r="AT42" i="5" s="1"/>
  <c r="AS4" i="5"/>
  <c r="AS32" i="5" s="1"/>
  <c r="AR4" i="5"/>
  <c r="AQ4" i="5"/>
  <c r="AQ15" i="5" s="1"/>
  <c r="AP4" i="5"/>
  <c r="AP25" i="5" s="1"/>
  <c r="AO4" i="5"/>
  <c r="AO59" i="5" s="1"/>
  <c r="AN4" i="5"/>
  <c r="AM4" i="5"/>
  <c r="AM13" i="5" s="1"/>
  <c r="AL4" i="5"/>
  <c r="AL30" i="5" s="1"/>
  <c r="AK4" i="5"/>
  <c r="AK28" i="5" s="1"/>
  <c r="AJ4" i="5"/>
  <c r="AI4" i="5"/>
  <c r="AI27" i="5" s="1"/>
  <c r="AH4" i="5"/>
  <c r="AH44" i="5" s="1"/>
  <c r="AG4" i="5"/>
  <c r="AG34" i="5" s="1"/>
  <c r="AF4" i="5"/>
  <c r="AE4" i="5"/>
  <c r="AE17" i="5" s="1"/>
  <c r="AD4" i="5"/>
  <c r="AD27" i="5" s="1"/>
  <c r="AC4" i="5"/>
  <c r="AC32" i="5" s="1"/>
  <c r="AB4" i="5"/>
  <c r="AA4" i="5"/>
  <c r="AA15" i="5" s="1"/>
  <c r="Z4" i="5"/>
  <c r="Z65" i="5" s="1"/>
  <c r="Y4" i="5"/>
  <c r="Y30" i="5" s="1"/>
  <c r="X4" i="5"/>
  <c r="W4" i="5"/>
  <c r="W29" i="5" s="1"/>
  <c r="V4" i="5"/>
  <c r="V46" i="5" s="1"/>
  <c r="U4" i="5"/>
  <c r="U28" i="5" s="1"/>
  <c r="T4" i="5"/>
  <c r="S4" i="5"/>
  <c r="S19" i="5" s="1"/>
  <c r="R4" i="5"/>
  <c r="R29" i="5" s="1"/>
  <c r="Q4" i="5"/>
  <c r="Q34" i="5" s="1"/>
  <c r="P4" i="5"/>
  <c r="O4" i="5"/>
  <c r="N4" i="5"/>
  <c r="M4" i="5"/>
  <c r="M32" i="5" s="1"/>
  <c r="L4" i="5"/>
  <c r="K4" i="5"/>
  <c r="K31" i="5" s="1"/>
  <c r="J4" i="5"/>
  <c r="J48" i="5" s="1"/>
  <c r="I4" i="5"/>
  <c r="I30" i="5" s="1"/>
  <c r="H4" i="5"/>
  <c r="AG5" i="5" l="1"/>
  <c r="I6" i="5"/>
  <c r="Q7" i="5"/>
  <c r="I8" i="5"/>
  <c r="AO8" i="5"/>
  <c r="Q10" i="5"/>
  <c r="I12" i="5"/>
  <c r="AO12" i="5"/>
  <c r="AG14" i="5"/>
  <c r="Y16" i="5"/>
  <c r="Q18" i="5"/>
  <c r="I20" i="5"/>
  <c r="AO20" i="5"/>
  <c r="U24" i="5"/>
  <c r="Q30" i="5"/>
  <c r="AS69" i="5"/>
  <c r="U5" i="5"/>
  <c r="AK5" i="5"/>
  <c r="M6" i="5"/>
  <c r="AC6" i="5"/>
  <c r="AS6" i="5"/>
  <c r="U7" i="5"/>
  <c r="AK7" i="5"/>
  <c r="M8" i="5"/>
  <c r="AC8" i="5"/>
  <c r="AS8" i="5"/>
  <c r="AC9" i="5"/>
  <c r="AS9" i="5"/>
  <c r="U10" i="5"/>
  <c r="AK10" i="5"/>
  <c r="M12" i="5"/>
  <c r="AC12" i="5"/>
  <c r="AS12" i="5"/>
  <c r="U14" i="5"/>
  <c r="AK14" i="5"/>
  <c r="M16" i="5"/>
  <c r="AC16" i="5"/>
  <c r="AS16" i="5"/>
  <c r="U18" i="5"/>
  <c r="AK18" i="5"/>
  <c r="M20" i="5"/>
  <c r="AC20" i="5"/>
  <c r="AS20" i="5"/>
  <c r="AK24" i="5"/>
  <c r="M28" i="5"/>
  <c r="AG30" i="5"/>
  <c r="Y34" i="5"/>
  <c r="Q5" i="5"/>
  <c r="AO6" i="5"/>
  <c r="Y8" i="5"/>
  <c r="AO9" i="5"/>
  <c r="Y12" i="5"/>
  <c r="I16" i="5"/>
  <c r="AG18" i="5"/>
  <c r="AO26" i="5"/>
  <c r="I5" i="5"/>
  <c r="Y5" i="5"/>
  <c r="AO5" i="5"/>
  <c r="Q6" i="5"/>
  <c r="AG6" i="5"/>
  <c r="I7" i="5"/>
  <c r="Y7" i="5"/>
  <c r="AO7" i="5"/>
  <c r="Q8" i="5"/>
  <c r="AG8" i="5"/>
  <c r="Q9" i="5"/>
  <c r="AG9" i="5"/>
  <c r="I10" i="5"/>
  <c r="Y10" i="5"/>
  <c r="AO10" i="5"/>
  <c r="Q12" i="5"/>
  <c r="AG12" i="5"/>
  <c r="I14" i="5"/>
  <c r="Y14" i="5"/>
  <c r="AO14" i="5"/>
  <c r="Q16" i="5"/>
  <c r="AG16" i="5"/>
  <c r="I18" i="5"/>
  <c r="Y18" i="5"/>
  <c r="AO18" i="5"/>
  <c r="Q20" i="5"/>
  <c r="AG20" i="5"/>
  <c r="Q22" i="5"/>
  <c r="I26" i="5"/>
  <c r="AC28" i="5"/>
  <c r="U32" i="5"/>
  <c r="AO34" i="5"/>
  <c r="Y6" i="5"/>
  <c r="AG7" i="5"/>
  <c r="Y9" i="5"/>
  <c r="AG10" i="5"/>
  <c r="Q14" i="5"/>
  <c r="AO16" i="5"/>
  <c r="Y20" i="5"/>
  <c r="I34" i="5"/>
  <c r="M5" i="5"/>
  <c r="AC5" i="5"/>
  <c r="AS5" i="5"/>
  <c r="U6" i="5"/>
  <c r="AK6" i="5"/>
  <c r="M7" i="5"/>
  <c r="AC7" i="5"/>
  <c r="AS7" i="5"/>
  <c r="U8" i="5"/>
  <c r="AK8" i="5"/>
  <c r="U9" i="5"/>
  <c r="AK9" i="5"/>
  <c r="M10" i="5"/>
  <c r="AC10" i="5"/>
  <c r="AS10" i="5"/>
  <c r="U12" i="5"/>
  <c r="AK12" i="5"/>
  <c r="M14" i="5"/>
  <c r="AC14" i="5"/>
  <c r="AS14" i="5"/>
  <c r="U16" i="5"/>
  <c r="AK16" i="5"/>
  <c r="M18" i="5"/>
  <c r="AC18" i="5"/>
  <c r="AS18" i="5"/>
  <c r="U20" i="5"/>
  <c r="AK20" i="5"/>
  <c r="AG22" i="5"/>
  <c r="Y26" i="5"/>
  <c r="AS28" i="5"/>
  <c r="AK32" i="5"/>
  <c r="Q63" i="5"/>
  <c r="N89" i="5"/>
  <c r="N87" i="5"/>
  <c r="N85" i="5"/>
  <c r="N83" i="5"/>
  <c r="N81" i="5"/>
  <c r="N86" i="5"/>
  <c r="N88" i="5"/>
  <c r="N84" i="5"/>
  <c r="N80" i="5"/>
  <c r="N79" i="5"/>
  <c r="N78" i="5"/>
  <c r="N77" i="5"/>
  <c r="N75" i="5"/>
  <c r="N73" i="5"/>
  <c r="N82" i="5"/>
  <c r="N76" i="5"/>
  <c r="N72" i="5"/>
  <c r="N66" i="5"/>
  <c r="N65" i="5"/>
  <c r="N58" i="5"/>
  <c r="N74" i="5"/>
  <c r="N64" i="5"/>
  <c r="N63" i="5"/>
  <c r="N56" i="5"/>
  <c r="N54" i="5"/>
  <c r="N70" i="5"/>
  <c r="N69" i="5"/>
  <c r="N62" i="5"/>
  <c r="N61" i="5"/>
  <c r="N68" i="5"/>
  <c r="N59" i="5"/>
  <c r="N57" i="5"/>
  <c r="N52" i="5"/>
  <c r="N60" i="5"/>
  <c r="N51" i="5"/>
  <c r="N49" i="5"/>
  <c r="N47" i="5"/>
  <c r="N45" i="5"/>
  <c r="N43" i="5"/>
  <c r="N41" i="5"/>
  <c r="N39" i="5"/>
  <c r="N71" i="5"/>
  <c r="N53" i="5"/>
  <c r="N67" i="5"/>
  <c r="N44" i="5"/>
  <c r="N37" i="5"/>
  <c r="N33" i="5"/>
  <c r="N32" i="5"/>
  <c r="N25" i="5"/>
  <c r="N24" i="5"/>
  <c r="N19" i="5"/>
  <c r="N17" i="5"/>
  <c r="N15" i="5"/>
  <c r="N13" i="5"/>
  <c r="N11" i="5"/>
  <c r="N9" i="5"/>
  <c r="N7" i="5"/>
  <c r="N5" i="5"/>
  <c r="N46" i="5"/>
  <c r="N38" i="5"/>
  <c r="N31" i="5"/>
  <c r="N30" i="5"/>
  <c r="N23" i="5"/>
  <c r="N22" i="5"/>
  <c r="N48" i="5"/>
  <c r="N40" i="5"/>
  <c r="N29" i="5"/>
  <c r="N28" i="5"/>
  <c r="N21" i="5"/>
  <c r="N20" i="5"/>
  <c r="N18" i="5"/>
  <c r="N16" i="5"/>
  <c r="N14" i="5"/>
  <c r="N12" i="5"/>
  <c r="N10" i="5"/>
  <c r="N8" i="5"/>
  <c r="N6" i="5"/>
  <c r="O88" i="5"/>
  <c r="O86" i="5"/>
  <c r="O89" i="5"/>
  <c r="O87" i="5"/>
  <c r="O85" i="5"/>
  <c r="O84" i="5"/>
  <c r="O83" i="5"/>
  <c r="O82" i="5"/>
  <c r="O79" i="5"/>
  <c r="O77" i="5"/>
  <c r="O78" i="5"/>
  <c r="O76" i="5"/>
  <c r="O74" i="5"/>
  <c r="O81" i="5"/>
  <c r="O75" i="5"/>
  <c r="O72" i="5"/>
  <c r="O73" i="5"/>
  <c r="O71" i="5"/>
  <c r="O69" i="5"/>
  <c r="O67" i="5"/>
  <c r="O65" i="5"/>
  <c r="O63" i="5"/>
  <c r="O61" i="5"/>
  <c r="O59" i="5"/>
  <c r="O64" i="5"/>
  <c r="O56" i="5"/>
  <c r="O54" i="5"/>
  <c r="O52" i="5"/>
  <c r="O80" i="5"/>
  <c r="O70" i="5"/>
  <c r="O62" i="5"/>
  <c r="O68" i="5"/>
  <c r="O60" i="5"/>
  <c r="O57" i="5"/>
  <c r="O55" i="5"/>
  <c r="O53" i="5"/>
  <c r="O51" i="5"/>
  <c r="O49" i="5"/>
  <c r="O47" i="5"/>
  <c r="O45" i="5"/>
  <c r="O43" i="5"/>
  <c r="O41" i="5"/>
  <c r="O39" i="5"/>
  <c r="O37" i="5"/>
  <c r="O66" i="5"/>
  <c r="O50" i="5"/>
  <c r="O48" i="5"/>
  <c r="O46" i="5"/>
  <c r="O44" i="5"/>
  <c r="O42" i="5"/>
  <c r="O40" i="5"/>
  <c r="O38" i="5"/>
  <c r="O36" i="5"/>
  <c r="O34" i="5"/>
  <c r="O32" i="5"/>
  <c r="O30" i="5"/>
  <c r="O28" i="5"/>
  <c r="O26" i="5"/>
  <c r="O24" i="5"/>
  <c r="O22" i="5"/>
  <c r="O58" i="5"/>
  <c r="O31" i="5"/>
  <c r="O23" i="5"/>
  <c r="O29" i="5"/>
  <c r="O21" i="5"/>
  <c r="O20" i="5"/>
  <c r="O18" i="5"/>
  <c r="O16" i="5"/>
  <c r="O14" i="5"/>
  <c r="O12" i="5"/>
  <c r="O10" i="5"/>
  <c r="O8" i="5"/>
  <c r="O35" i="5"/>
  <c r="O27" i="5"/>
  <c r="H8" i="5"/>
  <c r="H12" i="5"/>
  <c r="H16" i="5"/>
  <c r="H20" i="5"/>
  <c r="H24" i="5"/>
  <c r="H28" i="5"/>
  <c r="H32" i="5"/>
  <c r="H36" i="5"/>
  <c r="H40" i="5"/>
  <c r="H44" i="5"/>
  <c r="H48" i="5"/>
  <c r="H52" i="5"/>
  <c r="H56" i="5"/>
  <c r="H60" i="5"/>
  <c r="H64" i="5"/>
  <c r="H68" i="5"/>
  <c r="H72" i="5"/>
  <c r="H76" i="5"/>
  <c r="H80" i="5"/>
  <c r="H84" i="5"/>
  <c r="H88" i="5"/>
  <c r="H6" i="5"/>
  <c r="H10" i="5"/>
  <c r="H14" i="5"/>
  <c r="H18" i="5"/>
  <c r="H22" i="5"/>
  <c r="H26" i="5"/>
  <c r="H30" i="5"/>
  <c r="L88" i="5"/>
  <c r="L86" i="5"/>
  <c r="L84" i="5"/>
  <c r="L82" i="5"/>
  <c r="L89" i="5"/>
  <c r="L85" i="5"/>
  <c r="L81" i="5"/>
  <c r="L80" i="5"/>
  <c r="L76" i="5"/>
  <c r="L74" i="5"/>
  <c r="L87" i="5"/>
  <c r="L83" i="5"/>
  <c r="L79" i="5"/>
  <c r="L78" i="5"/>
  <c r="L77" i="5"/>
  <c r="L75" i="5"/>
  <c r="L71" i="5"/>
  <c r="L69" i="5"/>
  <c r="L68" i="5"/>
  <c r="L61" i="5"/>
  <c r="L60" i="5"/>
  <c r="L67" i="5"/>
  <c r="L66" i="5"/>
  <c r="L59" i="5"/>
  <c r="L58" i="5"/>
  <c r="L57" i="5"/>
  <c r="L55" i="5"/>
  <c r="L53" i="5"/>
  <c r="L73" i="5"/>
  <c r="L72" i="5"/>
  <c r="L65" i="5"/>
  <c r="L64" i="5"/>
  <c r="L63" i="5"/>
  <c r="L54" i="5"/>
  <c r="L50" i="5"/>
  <c r="L48" i="5"/>
  <c r="L46" i="5"/>
  <c r="L44" i="5"/>
  <c r="L42" i="5"/>
  <c r="L40" i="5"/>
  <c r="L70" i="5"/>
  <c r="L56" i="5"/>
  <c r="L52" i="5"/>
  <c r="L51" i="5"/>
  <c r="L47" i="5"/>
  <c r="L39" i="5"/>
  <c r="L36" i="5"/>
  <c r="L35" i="5"/>
  <c r="L28" i="5"/>
  <c r="L27" i="5"/>
  <c r="L20" i="5"/>
  <c r="L18" i="5"/>
  <c r="L16" i="5"/>
  <c r="L14" i="5"/>
  <c r="L12" i="5"/>
  <c r="L10" i="5"/>
  <c r="L8" i="5"/>
  <c r="L6" i="5"/>
  <c r="L62" i="5"/>
  <c r="L49" i="5"/>
  <c r="L41" i="5"/>
  <c r="L37" i="5"/>
  <c r="L34" i="5"/>
  <c r="L33" i="5"/>
  <c r="L26" i="5"/>
  <c r="L25" i="5"/>
  <c r="L43" i="5"/>
  <c r="L38" i="5"/>
  <c r="L32" i="5"/>
  <c r="L31" i="5"/>
  <c r="L24" i="5"/>
  <c r="L23" i="5"/>
  <c r="L19" i="5"/>
  <c r="L17" i="5"/>
  <c r="L15" i="5"/>
  <c r="L13" i="5"/>
  <c r="L11" i="5"/>
  <c r="L9" i="5"/>
  <c r="L7" i="5"/>
  <c r="L5" i="5"/>
  <c r="P88" i="5"/>
  <c r="P86" i="5"/>
  <c r="P84" i="5"/>
  <c r="P82" i="5"/>
  <c r="P85" i="5"/>
  <c r="P87" i="5"/>
  <c r="P81" i="5"/>
  <c r="P83" i="5"/>
  <c r="P77" i="5"/>
  <c r="P89" i="5"/>
  <c r="P76" i="5"/>
  <c r="P74" i="5"/>
  <c r="P80" i="5"/>
  <c r="P78" i="5"/>
  <c r="P73" i="5"/>
  <c r="P71" i="5"/>
  <c r="P79" i="5"/>
  <c r="P75" i="5"/>
  <c r="P70" i="5"/>
  <c r="P63" i="5"/>
  <c r="P62" i="5"/>
  <c r="P72" i="5"/>
  <c r="P69" i="5"/>
  <c r="P68" i="5"/>
  <c r="P61" i="5"/>
  <c r="P60" i="5"/>
  <c r="P57" i="5"/>
  <c r="P55" i="5"/>
  <c r="P53" i="5"/>
  <c r="P67" i="5"/>
  <c r="P66" i="5"/>
  <c r="P59" i="5"/>
  <c r="P58" i="5"/>
  <c r="P64" i="5"/>
  <c r="P54" i="5"/>
  <c r="P65" i="5"/>
  <c r="P56" i="5"/>
  <c r="P50" i="5"/>
  <c r="P48" i="5"/>
  <c r="P46" i="5"/>
  <c r="P44" i="5"/>
  <c r="P42" i="5"/>
  <c r="P40" i="5"/>
  <c r="P38" i="5"/>
  <c r="P49" i="5"/>
  <c r="P41" i="5"/>
  <c r="P30" i="5"/>
  <c r="P29" i="5"/>
  <c r="P22" i="5"/>
  <c r="P21" i="5"/>
  <c r="P20" i="5"/>
  <c r="P18" i="5"/>
  <c r="P16" i="5"/>
  <c r="P14" i="5"/>
  <c r="P12" i="5"/>
  <c r="P10" i="5"/>
  <c r="P8" i="5"/>
  <c r="P6" i="5"/>
  <c r="P43" i="5"/>
  <c r="P35" i="5"/>
  <c r="P28" i="5"/>
  <c r="P27" i="5"/>
  <c r="P51" i="5"/>
  <c r="P45" i="5"/>
  <c r="P36" i="5"/>
  <c r="P34" i="5"/>
  <c r="P33" i="5"/>
  <c r="P26" i="5"/>
  <c r="P25" i="5"/>
  <c r="P19" i="5"/>
  <c r="P17" i="5"/>
  <c r="P15" i="5"/>
  <c r="P13" i="5"/>
  <c r="P11" i="5"/>
  <c r="P9" i="5"/>
  <c r="P7" i="5"/>
  <c r="P5" i="5"/>
  <c r="T88" i="5"/>
  <c r="T86" i="5"/>
  <c r="T84" i="5"/>
  <c r="T82" i="5"/>
  <c r="T85" i="5"/>
  <c r="T87" i="5"/>
  <c r="T89" i="5"/>
  <c r="T83" i="5"/>
  <c r="T81" i="5"/>
  <c r="T79" i="5"/>
  <c r="T78" i="5"/>
  <c r="T77" i="5"/>
  <c r="T76" i="5"/>
  <c r="T74" i="5"/>
  <c r="T75" i="5"/>
  <c r="T71" i="5"/>
  <c r="T80" i="5"/>
  <c r="T72" i="5"/>
  <c r="T65" i="5"/>
  <c r="T64" i="5"/>
  <c r="T73" i="5"/>
  <c r="T63" i="5"/>
  <c r="T62" i="5"/>
  <c r="T57" i="5"/>
  <c r="T55" i="5"/>
  <c r="T53" i="5"/>
  <c r="T70" i="5"/>
  <c r="T69" i="5"/>
  <c r="T68" i="5"/>
  <c r="T61" i="5"/>
  <c r="T60" i="5"/>
  <c r="T56" i="5"/>
  <c r="T52" i="5"/>
  <c r="T51" i="5"/>
  <c r="T66" i="5"/>
  <c r="T50" i="5"/>
  <c r="T48" i="5"/>
  <c r="T46" i="5"/>
  <c r="T44" i="5"/>
  <c r="T42" i="5"/>
  <c r="T40" i="5"/>
  <c r="T38" i="5"/>
  <c r="T67" i="5"/>
  <c r="T58" i="5"/>
  <c r="T43" i="5"/>
  <c r="T36" i="5"/>
  <c r="T32" i="5"/>
  <c r="T31" i="5"/>
  <c r="T24" i="5"/>
  <c r="T23" i="5"/>
  <c r="T20" i="5"/>
  <c r="T18" i="5"/>
  <c r="T16" i="5"/>
  <c r="T14" i="5"/>
  <c r="T12" i="5"/>
  <c r="T10" i="5"/>
  <c r="T8" i="5"/>
  <c r="T6" i="5"/>
  <c r="T54" i="5"/>
  <c r="T45" i="5"/>
  <c r="T37" i="5"/>
  <c r="T30" i="5"/>
  <c r="T29" i="5"/>
  <c r="T22" i="5"/>
  <c r="T21" i="5"/>
  <c r="T59" i="5"/>
  <c r="T47" i="5"/>
  <c r="T39" i="5"/>
  <c r="T28" i="5"/>
  <c r="T27" i="5"/>
  <c r="T19" i="5"/>
  <c r="T17" i="5"/>
  <c r="T15" i="5"/>
  <c r="T13" i="5"/>
  <c r="T11" i="5"/>
  <c r="T9" i="5"/>
  <c r="T7" i="5"/>
  <c r="T5" i="5"/>
  <c r="X88" i="5"/>
  <c r="X86" i="5"/>
  <c r="X84" i="5"/>
  <c r="X82" i="5"/>
  <c r="X87" i="5"/>
  <c r="X89" i="5"/>
  <c r="X80" i="5"/>
  <c r="X79" i="5"/>
  <c r="X78" i="5"/>
  <c r="X74" i="5"/>
  <c r="X85" i="5"/>
  <c r="X83" i="5"/>
  <c r="X81" i="5"/>
  <c r="X77" i="5"/>
  <c r="X76" i="5"/>
  <c r="X73" i="5"/>
  <c r="X71" i="5"/>
  <c r="X70" i="5"/>
  <c r="X67" i="5"/>
  <c r="X66" i="5"/>
  <c r="X59" i="5"/>
  <c r="X58" i="5"/>
  <c r="X65" i="5"/>
  <c r="X64" i="5"/>
  <c r="X57" i="5"/>
  <c r="X55" i="5"/>
  <c r="X53" i="5"/>
  <c r="X63" i="5"/>
  <c r="X62" i="5"/>
  <c r="X61" i="5"/>
  <c r="X52" i="5"/>
  <c r="X51" i="5"/>
  <c r="X50" i="5"/>
  <c r="X48" i="5"/>
  <c r="X46" i="5"/>
  <c r="X44" i="5"/>
  <c r="X42" i="5"/>
  <c r="X40" i="5"/>
  <c r="X38" i="5"/>
  <c r="X68" i="5"/>
  <c r="X54" i="5"/>
  <c r="X75" i="5"/>
  <c r="X69" i="5"/>
  <c r="X60" i="5"/>
  <c r="X56" i="5"/>
  <c r="X45" i="5"/>
  <c r="X34" i="5"/>
  <c r="X33" i="5"/>
  <c r="X26" i="5"/>
  <c r="X25" i="5"/>
  <c r="X20" i="5"/>
  <c r="X18" i="5"/>
  <c r="X16" i="5"/>
  <c r="X14" i="5"/>
  <c r="X12" i="5"/>
  <c r="X10" i="5"/>
  <c r="X8" i="5"/>
  <c r="X6" i="5"/>
  <c r="X72" i="5"/>
  <c r="X47" i="5"/>
  <c r="X39" i="5"/>
  <c r="X35" i="5"/>
  <c r="X32" i="5"/>
  <c r="X31" i="5"/>
  <c r="X24" i="5"/>
  <c r="X23" i="5"/>
  <c r="X49" i="5"/>
  <c r="X41" i="5"/>
  <c r="X36" i="5"/>
  <c r="X30" i="5"/>
  <c r="X29" i="5"/>
  <c r="X22" i="5"/>
  <c r="X21" i="5"/>
  <c r="X19" i="5"/>
  <c r="X17" i="5"/>
  <c r="X15" i="5"/>
  <c r="X13" i="5"/>
  <c r="X11" i="5"/>
  <c r="X9" i="5"/>
  <c r="X7" i="5"/>
  <c r="X5" i="5"/>
  <c r="AB88" i="5"/>
  <c r="AB86" i="5"/>
  <c r="AB84" i="5"/>
  <c r="AB82" i="5"/>
  <c r="AB89" i="5"/>
  <c r="AB83" i="5"/>
  <c r="AB85" i="5"/>
  <c r="AB81" i="5"/>
  <c r="AB87" i="5"/>
  <c r="AB80" i="5"/>
  <c r="AB74" i="5"/>
  <c r="AB79" i="5"/>
  <c r="AB78" i="5"/>
  <c r="AB76" i="5"/>
  <c r="AB75" i="5"/>
  <c r="AB71" i="5"/>
  <c r="AB77" i="5"/>
  <c r="AB73" i="5"/>
  <c r="AB69" i="5"/>
  <c r="AB68" i="5"/>
  <c r="AB61" i="5"/>
  <c r="AB60" i="5"/>
  <c r="AB67" i="5"/>
  <c r="AB66" i="5"/>
  <c r="AB59" i="5"/>
  <c r="AB58" i="5"/>
  <c r="AB57" i="5"/>
  <c r="AB55" i="5"/>
  <c r="AB53" i="5"/>
  <c r="AB72" i="5"/>
  <c r="AB70" i="5"/>
  <c r="AB65" i="5"/>
  <c r="AB64" i="5"/>
  <c r="AB62" i="5"/>
  <c r="AB52" i="5"/>
  <c r="AB63" i="5"/>
  <c r="AB54" i="5"/>
  <c r="AB50" i="5"/>
  <c r="AB48" i="5"/>
  <c r="AB46" i="5"/>
  <c r="AB44" i="5"/>
  <c r="AB42" i="5"/>
  <c r="AB40" i="5"/>
  <c r="AB38" i="5"/>
  <c r="AB56" i="5"/>
  <c r="AB51" i="5"/>
  <c r="AB47" i="5"/>
  <c r="AB39" i="5"/>
  <c r="AB36" i="5"/>
  <c r="AB28" i="5"/>
  <c r="AB27" i="5"/>
  <c r="AB20" i="5"/>
  <c r="AB18" i="5"/>
  <c r="AB16" i="5"/>
  <c r="AB14" i="5"/>
  <c r="AB12" i="5"/>
  <c r="AB10" i="5"/>
  <c r="AB8" i="5"/>
  <c r="AB6" i="5"/>
  <c r="AB49" i="5"/>
  <c r="AB41" i="5"/>
  <c r="AB37" i="5"/>
  <c r="AB34" i="5"/>
  <c r="AB33" i="5"/>
  <c r="AB26" i="5"/>
  <c r="AB25" i="5"/>
  <c r="AB43" i="5"/>
  <c r="AB32" i="5"/>
  <c r="AB31" i="5"/>
  <c r="AB24" i="5"/>
  <c r="AB23" i="5"/>
  <c r="AB19" i="5"/>
  <c r="AB17" i="5"/>
  <c r="AB15" i="5"/>
  <c r="AB13" i="5"/>
  <c r="AB11" i="5"/>
  <c r="AB9" i="5"/>
  <c r="AB7" i="5"/>
  <c r="AB5" i="5"/>
  <c r="AF88" i="5"/>
  <c r="AF86" i="5"/>
  <c r="AF84" i="5"/>
  <c r="AF82" i="5"/>
  <c r="AF85" i="5"/>
  <c r="AF83" i="5"/>
  <c r="AF87" i="5"/>
  <c r="AF81" i="5"/>
  <c r="AF89" i="5"/>
  <c r="AF77" i="5"/>
  <c r="AF76" i="5"/>
  <c r="AF74" i="5"/>
  <c r="AF80" i="5"/>
  <c r="AF73" i="5"/>
  <c r="AF71" i="5"/>
  <c r="AF78" i="5"/>
  <c r="AF70" i="5"/>
  <c r="AF63" i="5"/>
  <c r="AF62" i="5"/>
  <c r="AF72" i="5"/>
  <c r="AF69" i="5"/>
  <c r="AF68" i="5"/>
  <c r="AF61" i="5"/>
  <c r="AF60" i="5"/>
  <c r="AF57" i="5"/>
  <c r="AF55" i="5"/>
  <c r="AF53" i="5"/>
  <c r="AF79" i="5"/>
  <c r="AF75" i="5"/>
  <c r="AF67" i="5"/>
  <c r="AF66" i="5"/>
  <c r="AF59" i="5"/>
  <c r="AF58" i="5"/>
  <c r="AF54" i="5"/>
  <c r="AF64" i="5"/>
  <c r="AF56" i="5"/>
  <c r="AF50" i="5"/>
  <c r="AF48" i="5"/>
  <c r="AF46" i="5"/>
  <c r="AF44" i="5"/>
  <c r="AF42" i="5"/>
  <c r="AF40" i="5"/>
  <c r="AF38" i="5"/>
  <c r="AF65" i="5"/>
  <c r="AF49" i="5"/>
  <c r="AF41" i="5"/>
  <c r="AF30" i="5"/>
  <c r="AF29" i="5"/>
  <c r="AF22" i="5"/>
  <c r="AF21" i="5"/>
  <c r="AF20" i="5"/>
  <c r="AF18" i="5"/>
  <c r="AF16" i="5"/>
  <c r="AF14" i="5"/>
  <c r="AF12" i="5"/>
  <c r="AF10" i="5"/>
  <c r="AF8" i="5"/>
  <c r="AF6" i="5"/>
  <c r="AF52" i="5"/>
  <c r="AF43" i="5"/>
  <c r="AF35" i="5"/>
  <c r="AF28" i="5"/>
  <c r="AF27" i="5"/>
  <c r="AF45" i="5"/>
  <c r="AF36" i="5"/>
  <c r="AF34" i="5"/>
  <c r="AF33" i="5"/>
  <c r="AF26" i="5"/>
  <c r="AF25" i="5"/>
  <c r="AF19" i="5"/>
  <c r="AF17" i="5"/>
  <c r="AF15" i="5"/>
  <c r="AF13" i="5"/>
  <c r="AF11" i="5"/>
  <c r="AF9" i="5"/>
  <c r="AF7" i="5"/>
  <c r="AF5" i="5"/>
  <c r="AJ88" i="5"/>
  <c r="AJ86" i="5"/>
  <c r="AJ84" i="5"/>
  <c r="AJ82" i="5"/>
  <c r="AJ85" i="5"/>
  <c r="AJ87" i="5"/>
  <c r="AJ89" i="5"/>
  <c r="AJ83" i="5"/>
  <c r="AJ79" i="5"/>
  <c r="AJ78" i="5"/>
  <c r="AJ77" i="5"/>
  <c r="AJ76" i="5"/>
  <c r="AJ74" i="5"/>
  <c r="AJ81" i="5"/>
  <c r="AJ75" i="5"/>
  <c r="AJ71" i="5"/>
  <c r="AJ80" i="5"/>
  <c r="AJ72" i="5"/>
  <c r="AJ65" i="5"/>
  <c r="AJ64" i="5"/>
  <c r="AJ63" i="5"/>
  <c r="AJ62" i="5"/>
  <c r="AJ57" i="5"/>
  <c r="AJ55" i="5"/>
  <c r="AJ53" i="5"/>
  <c r="AJ69" i="5"/>
  <c r="AJ68" i="5"/>
  <c r="AJ61" i="5"/>
  <c r="AJ60" i="5"/>
  <c r="AJ59" i="5"/>
  <c r="AJ56" i="5"/>
  <c r="AJ51" i="5"/>
  <c r="AJ73" i="5"/>
  <c r="AJ50" i="5"/>
  <c r="AJ48" i="5"/>
  <c r="AJ46" i="5"/>
  <c r="AJ44" i="5"/>
  <c r="AJ42" i="5"/>
  <c r="AJ40" i="5"/>
  <c r="AJ38" i="5"/>
  <c r="AJ66" i="5"/>
  <c r="AJ52" i="5"/>
  <c r="AJ54" i="5"/>
  <c r="AJ43" i="5"/>
  <c r="AJ36" i="5"/>
  <c r="AJ32" i="5"/>
  <c r="AJ31" i="5"/>
  <c r="AJ24" i="5"/>
  <c r="AJ23" i="5"/>
  <c r="AJ20" i="5"/>
  <c r="AJ18" i="5"/>
  <c r="AJ16" i="5"/>
  <c r="AJ14" i="5"/>
  <c r="AJ12" i="5"/>
  <c r="AJ10" i="5"/>
  <c r="AJ8" i="5"/>
  <c r="AJ6" i="5"/>
  <c r="AJ45" i="5"/>
  <c r="AJ37" i="5"/>
  <c r="AJ30" i="5"/>
  <c r="AJ29" i="5"/>
  <c r="AJ22" i="5"/>
  <c r="AJ21" i="5"/>
  <c r="AJ70" i="5"/>
  <c r="AJ47" i="5"/>
  <c r="AJ39" i="5"/>
  <c r="AJ28" i="5"/>
  <c r="AJ27" i="5"/>
  <c r="AJ19" i="5"/>
  <c r="AJ17" i="5"/>
  <c r="AJ15" i="5"/>
  <c r="AJ13" i="5"/>
  <c r="AJ11" i="5"/>
  <c r="AJ9" i="5"/>
  <c r="AJ7" i="5"/>
  <c r="AJ5" i="5"/>
  <c r="AN88" i="5"/>
  <c r="AN86" i="5"/>
  <c r="AN84" i="5"/>
  <c r="AN82" i="5"/>
  <c r="AN87" i="5"/>
  <c r="AN89" i="5"/>
  <c r="AN80" i="5"/>
  <c r="AN85" i="5"/>
  <c r="AN81" i="5"/>
  <c r="AN79" i="5"/>
  <c r="AN78" i="5"/>
  <c r="AN74" i="5"/>
  <c r="AN72" i="5"/>
  <c r="AN77" i="5"/>
  <c r="AN76" i="5"/>
  <c r="AN83" i="5"/>
  <c r="AN73" i="5"/>
  <c r="AN71" i="5"/>
  <c r="AN67" i="5"/>
  <c r="AN66" i="5"/>
  <c r="AN59" i="5"/>
  <c r="AN58" i="5"/>
  <c r="AN75" i="5"/>
  <c r="AN65" i="5"/>
  <c r="AN64" i="5"/>
  <c r="AN57" i="5"/>
  <c r="AN55" i="5"/>
  <c r="AN53" i="5"/>
  <c r="AN70" i="5"/>
  <c r="AN63" i="5"/>
  <c r="AN62" i="5"/>
  <c r="AN69" i="5"/>
  <c r="AN60" i="5"/>
  <c r="AN61" i="5"/>
  <c r="AN52" i="5"/>
  <c r="AN51" i="5"/>
  <c r="AN48" i="5"/>
  <c r="AN46" i="5"/>
  <c r="AN44" i="5"/>
  <c r="AN42" i="5"/>
  <c r="AN40" i="5"/>
  <c r="AN38" i="5"/>
  <c r="AN54" i="5"/>
  <c r="AN50" i="5"/>
  <c r="AN45" i="5"/>
  <c r="AN34" i="5"/>
  <c r="AN33" i="5"/>
  <c r="AN26" i="5"/>
  <c r="AN25" i="5"/>
  <c r="AN20" i="5"/>
  <c r="AN18" i="5"/>
  <c r="AN16" i="5"/>
  <c r="AN14" i="5"/>
  <c r="AN12" i="5"/>
  <c r="AN10" i="5"/>
  <c r="AN8" i="5"/>
  <c r="AN6" i="5"/>
  <c r="AN68" i="5"/>
  <c r="AN47" i="5"/>
  <c r="AN39" i="5"/>
  <c r="AN35" i="5"/>
  <c r="AN32" i="5"/>
  <c r="AN31" i="5"/>
  <c r="AN24" i="5"/>
  <c r="AN23" i="5"/>
  <c r="AN49" i="5"/>
  <c r="AN41" i="5"/>
  <c r="AN36" i="5"/>
  <c r="AN30" i="5"/>
  <c r="AN29" i="5"/>
  <c r="AN22" i="5"/>
  <c r="AN21" i="5"/>
  <c r="AN19" i="5"/>
  <c r="AN17" i="5"/>
  <c r="AN15" i="5"/>
  <c r="AN13" i="5"/>
  <c r="AN11" i="5"/>
  <c r="AN9" i="5"/>
  <c r="AN7" i="5"/>
  <c r="AN5" i="5"/>
  <c r="AR88" i="5"/>
  <c r="AR86" i="5"/>
  <c r="AR84" i="5"/>
  <c r="AR82" i="5"/>
  <c r="AR89" i="5"/>
  <c r="AR83" i="5"/>
  <c r="AR85" i="5"/>
  <c r="AR87" i="5"/>
  <c r="AR80" i="5"/>
  <c r="AR74" i="5"/>
  <c r="AR72" i="5"/>
  <c r="AR79" i="5"/>
  <c r="AR78" i="5"/>
  <c r="AR81" i="5"/>
  <c r="AR71" i="5"/>
  <c r="AR76" i="5"/>
  <c r="AR75" i="5"/>
  <c r="AR69" i="5"/>
  <c r="AR68" i="5"/>
  <c r="AR61" i="5"/>
  <c r="AR60" i="5"/>
  <c r="AR77" i="5"/>
  <c r="AR70" i="5"/>
  <c r="AR67" i="5"/>
  <c r="AR66" i="5"/>
  <c r="AR59" i="5"/>
  <c r="AR58" i="5"/>
  <c r="AR55" i="5"/>
  <c r="AR53" i="5"/>
  <c r="AR73" i="5"/>
  <c r="AR65" i="5"/>
  <c r="AR64" i="5"/>
  <c r="AR57" i="5"/>
  <c r="AR52" i="5"/>
  <c r="AR62" i="5"/>
  <c r="AR54" i="5"/>
  <c r="AR48" i="5"/>
  <c r="AR46" i="5"/>
  <c r="AR44" i="5"/>
  <c r="AR42" i="5"/>
  <c r="AR40" i="5"/>
  <c r="AR38" i="5"/>
  <c r="AR63" i="5"/>
  <c r="AR56" i="5"/>
  <c r="AR51" i="5"/>
  <c r="AR50" i="5"/>
  <c r="AR47" i="5"/>
  <c r="AR39" i="5"/>
  <c r="AR36" i="5"/>
  <c r="AR28" i="5"/>
  <c r="AR27" i="5"/>
  <c r="AR20" i="5"/>
  <c r="AR18" i="5"/>
  <c r="AR16" i="5"/>
  <c r="AR14" i="5"/>
  <c r="AR12" i="5"/>
  <c r="AR10" i="5"/>
  <c r="AR8" i="5"/>
  <c r="AR6" i="5"/>
  <c r="AR49" i="5"/>
  <c r="AR41" i="5"/>
  <c r="AR37" i="5"/>
  <c r="AR34" i="5"/>
  <c r="AR33" i="5"/>
  <c r="AR26" i="5"/>
  <c r="AR25" i="5"/>
  <c r="AR43" i="5"/>
  <c r="AR32" i="5"/>
  <c r="AR31" i="5"/>
  <c r="AR24" i="5"/>
  <c r="AR23" i="5"/>
  <c r="AR19" i="5"/>
  <c r="AR17" i="5"/>
  <c r="AR15" i="5"/>
  <c r="AR13" i="5"/>
  <c r="AR11" i="5"/>
  <c r="AR9" i="5"/>
  <c r="AR7" i="5"/>
  <c r="AR5" i="5"/>
  <c r="H89" i="5"/>
  <c r="H83" i="5"/>
  <c r="H78" i="5"/>
  <c r="H73" i="5"/>
  <c r="H67" i="5"/>
  <c r="H62" i="5"/>
  <c r="H57" i="5"/>
  <c r="H51" i="5"/>
  <c r="H46" i="5"/>
  <c r="H41" i="5"/>
  <c r="H35" i="5"/>
  <c r="H29" i="5"/>
  <c r="H21" i="5"/>
  <c r="H13" i="5"/>
  <c r="K6" i="5"/>
  <c r="S6" i="5"/>
  <c r="S9" i="5"/>
  <c r="AA9" i="5"/>
  <c r="AI9" i="5"/>
  <c r="AQ9" i="5"/>
  <c r="K11" i="5"/>
  <c r="AA11" i="5"/>
  <c r="AQ11" i="5"/>
  <c r="O13" i="5"/>
  <c r="AE13" i="5"/>
  <c r="S15" i="5"/>
  <c r="AI15" i="5"/>
  <c r="W17" i="5"/>
  <c r="AM17" i="5"/>
  <c r="K19" i="5"/>
  <c r="AA19" i="5"/>
  <c r="AQ19" i="5"/>
  <c r="R21" i="5"/>
  <c r="AM21" i="5"/>
  <c r="V22" i="5"/>
  <c r="AR22" i="5"/>
  <c r="AA23" i="5"/>
  <c r="J24" i="5"/>
  <c r="AF24" i="5"/>
  <c r="O25" i="5"/>
  <c r="AJ25" i="5"/>
  <c r="T26" i="5"/>
  <c r="X27" i="5"/>
  <c r="AT27" i="5"/>
  <c r="L29" i="5"/>
  <c r="AH29" i="5"/>
  <c r="V31" i="5"/>
  <c r="AQ31" i="5"/>
  <c r="Z32" i="5"/>
  <c r="J33" i="5"/>
  <c r="AE33" i="5"/>
  <c r="N34" i="5"/>
  <c r="AJ34" i="5"/>
  <c r="T35" i="5"/>
  <c r="N36" i="5"/>
  <c r="AT36" i="5"/>
  <c r="AN37" i="5"/>
  <c r="P39" i="5"/>
  <c r="AP40" i="5"/>
  <c r="AD42" i="5"/>
  <c r="R44" i="5"/>
  <c r="AR45" i="5"/>
  <c r="AF47" i="5"/>
  <c r="T49" i="5"/>
  <c r="K51" i="5"/>
  <c r="N55" i="5"/>
  <c r="H87" i="5"/>
  <c r="H82" i="5"/>
  <c r="H77" i="5"/>
  <c r="H71" i="5"/>
  <c r="H66" i="5"/>
  <c r="H61" i="5"/>
  <c r="H55" i="5"/>
  <c r="H50" i="5"/>
  <c r="H45" i="5"/>
  <c r="H39" i="5"/>
  <c r="H34" i="5"/>
  <c r="H27" i="5"/>
  <c r="H19" i="5"/>
  <c r="H11" i="5"/>
  <c r="K5" i="5"/>
  <c r="S5" i="5"/>
  <c r="AA5" i="5"/>
  <c r="AI5" i="5"/>
  <c r="AQ5" i="5"/>
  <c r="K7" i="5"/>
  <c r="S7" i="5"/>
  <c r="AA7" i="5"/>
  <c r="AI7" i="5"/>
  <c r="AQ7" i="5"/>
  <c r="K9" i="5"/>
  <c r="O11" i="5"/>
  <c r="AE11" i="5"/>
  <c r="S13" i="5"/>
  <c r="AI13" i="5"/>
  <c r="W15" i="5"/>
  <c r="AM15" i="5"/>
  <c r="K17" i="5"/>
  <c r="AA17" i="5"/>
  <c r="AQ17" i="5"/>
  <c r="O19" i="5"/>
  <c r="AE19" i="5"/>
  <c r="W21" i="5"/>
  <c r="AR21" i="5"/>
  <c r="AB22" i="5"/>
  <c r="K23" i="5"/>
  <c r="AF23" i="5"/>
  <c r="P24" i="5"/>
  <c r="T25" i="5"/>
  <c r="AT26" i="5"/>
  <c r="AH28" i="5"/>
  <c r="AM29" i="5"/>
  <c r="V30" i="5"/>
  <c r="AR30" i="5"/>
  <c r="AA31" i="5"/>
  <c r="J32" i="5"/>
  <c r="AF32" i="5"/>
  <c r="O33" i="5"/>
  <c r="AJ33" i="5"/>
  <c r="T34" i="5"/>
  <c r="AB35" i="5"/>
  <c r="V36" i="5"/>
  <c r="P37" i="5"/>
  <c r="J38" i="5"/>
  <c r="AF39" i="5"/>
  <c r="T41" i="5"/>
  <c r="AJ49" i="5"/>
  <c r="AF51" i="5"/>
  <c r="AN56" i="5"/>
  <c r="J89" i="5"/>
  <c r="J87" i="5"/>
  <c r="J85" i="5"/>
  <c r="J83" i="5"/>
  <c r="J86" i="5"/>
  <c r="J84" i="5"/>
  <c r="J88" i="5"/>
  <c r="J82" i="5"/>
  <c r="J78" i="5"/>
  <c r="J77" i="5"/>
  <c r="J75" i="5"/>
  <c r="J73" i="5"/>
  <c r="J81" i="5"/>
  <c r="J80" i="5"/>
  <c r="J76" i="5"/>
  <c r="J74" i="5"/>
  <c r="J72" i="5"/>
  <c r="J71" i="5"/>
  <c r="J64" i="5"/>
  <c r="J63" i="5"/>
  <c r="J70" i="5"/>
  <c r="J69" i="5"/>
  <c r="J62" i="5"/>
  <c r="J61" i="5"/>
  <c r="J56" i="5"/>
  <c r="J54" i="5"/>
  <c r="J68" i="5"/>
  <c r="J67" i="5"/>
  <c r="J60" i="5"/>
  <c r="J59" i="5"/>
  <c r="J58" i="5"/>
  <c r="J55" i="5"/>
  <c r="J51" i="5"/>
  <c r="J79" i="5"/>
  <c r="J57" i="5"/>
  <c r="J49" i="5"/>
  <c r="J47" i="5"/>
  <c r="J45" i="5"/>
  <c r="J43" i="5"/>
  <c r="J41" i="5"/>
  <c r="J39" i="5"/>
  <c r="J65" i="5"/>
  <c r="J53" i="5"/>
  <c r="J52" i="5"/>
  <c r="J50" i="5"/>
  <c r="J42" i="5"/>
  <c r="J31" i="5"/>
  <c r="J30" i="5"/>
  <c r="J23" i="5"/>
  <c r="J22" i="5"/>
  <c r="J19" i="5"/>
  <c r="J17" i="5"/>
  <c r="J15" i="5"/>
  <c r="J13" i="5"/>
  <c r="J11" i="5"/>
  <c r="J9" i="5"/>
  <c r="J7" i="5"/>
  <c r="J5" i="5"/>
  <c r="J44" i="5"/>
  <c r="J36" i="5"/>
  <c r="J29" i="5"/>
  <c r="J28" i="5"/>
  <c r="J21" i="5"/>
  <c r="J66" i="5"/>
  <c r="J46" i="5"/>
  <c r="J37" i="5"/>
  <c r="J35" i="5"/>
  <c r="J34" i="5"/>
  <c r="J27" i="5"/>
  <c r="J26" i="5"/>
  <c r="J20" i="5"/>
  <c r="J18" i="5"/>
  <c r="J16" i="5"/>
  <c r="J14" i="5"/>
  <c r="J12" i="5"/>
  <c r="J10" i="5"/>
  <c r="J8" i="5"/>
  <c r="J6" i="5"/>
  <c r="R89" i="5"/>
  <c r="R87" i="5"/>
  <c r="R85" i="5"/>
  <c r="R83" i="5"/>
  <c r="R81" i="5"/>
  <c r="R88" i="5"/>
  <c r="R86" i="5"/>
  <c r="R84" i="5"/>
  <c r="R82" i="5"/>
  <c r="R80" i="5"/>
  <c r="R79" i="5"/>
  <c r="R75" i="5"/>
  <c r="R73" i="5"/>
  <c r="R78" i="5"/>
  <c r="R77" i="5"/>
  <c r="R74" i="5"/>
  <c r="R72" i="5"/>
  <c r="R76" i="5"/>
  <c r="R68" i="5"/>
  <c r="R67" i="5"/>
  <c r="R60" i="5"/>
  <c r="R59" i="5"/>
  <c r="R66" i="5"/>
  <c r="R65" i="5"/>
  <c r="R58" i="5"/>
  <c r="R56" i="5"/>
  <c r="R54" i="5"/>
  <c r="R71" i="5"/>
  <c r="R64" i="5"/>
  <c r="R63" i="5"/>
  <c r="R69" i="5"/>
  <c r="R70" i="5"/>
  <c r="R61" i="5"/>
  <c r="R53" i="5"/>
  <c r="R52" i="5"/>
  <c r="R49" i="5"/>
  <c r="R47" i="5"/>
  <c r="R45" i="5"/>
  <c r="R43" i="5"/>
  <c r="R41" i="5"/>
  <c r="R39" i="5"/>
  <c r="R62" i="5"/>
  <c r="R55" i="5"/>
  <c r="R51" i="5"/>
  <c r="R46" i="5"/>
  <c r="R38" i="5"/>
  <c r="R35" i="5"/>
  <c r="R34" i="5"/>
  <c r="R27" i="5"/>
  <c r="R26" i="5"/>
  <c r="R19" i="5"/>
  <c r="R17" i="5"/>
  <c r="R15" i="5"/>
  <c r="R13" i="5"/>
  <c r="R11" i="5"/>
  <c r="R9" i="5"/>
  <c r="R7" i="5"/>
  <c r="R5" i="5"/>
  <c r="R48" i="5"/>
  <c r="R40" i="5"/>
  <c r="R36" i="5"/>
  <c r="R33" i="5"/>
  <c r="R32" i="5"/>
  <c r="R25" i="5"/>
  <c r="R24" i="5"/>
  <c r="R57" i="5"/>
  <c r="R50" i="5"/>
  <c r="R42" i="5"/>
  <c r="R37" i="5"/>
  <c r="R31" i="5"/>
  <c r="R30" i="5"/>
  <c r="R23" i="5"/>
  <c r="R22" i="5"/>
  <c r="R20" i="5"/>
  <c r="R18" i="5"/>
  <c r="R16" i="5"/>
  <c r="R14" i="5"/>
  <c r="R12" i="5"/>
  <c r="R10" i="5"/>
  <c r="R8" i="5"/>
  <c r="R6" i="5"/>
  <c r="V89" i="5"/>
  <c r="V87" i="5"/>
  <c r="V85" i="5"/>
  <c r="V83" i="5"/>
  <c r="V81" i="5"/>
  <c r="V84" i="5"/>
  <c r="V86" i="5"/>
  <c r="V76" i="5"/>
  <c r="V75" i="5"/>
  <c r="V73" i="5"/>
  <c r="V82" i="5"/>
  <c r="V80" i="5"/>
  <c r="V79" i="5"/>
  <c r="V88" i="5"/>
  <c r="V78" i="5"/>
  <c r="V72" i="5"/>
  <c r="V74" i="5"/>
  <c r="V69" i="5"/>
  <c r="V62" i="5"/>
  <c r="V61" i="5"/>
  <c r="V71" i="5"/>
  <c r="V70" i="5"/>
  <c r="V68" i="5"/>
  <c r="V67" i="5"/>
  <c r="V60" i="5"/>
  <c r="V59" i="5"/>
  <c r="V56" i="5"/>
  <c r="V54" i="5"/>
  <c r="V77" i="5"/>
  <c r="V66" i="5"/>
  <c r="V65" i="5"/>
  <c r="V58" i="5"/>
  <c r="V53" i="5"/>
  <c r="V55" i="5"/>
  <c r="V49" i="5"/>
  <c r="V47" i="5"/>
  <c r="V45" i="5"/>
  <c r="V43" i="5"/>
  <c r="V41" i="5"/>
  <c r="V39" i="5"/>
  <c r="V63" i="5"/>
  <c r="V57" i="5"/>
  <c r="V52" i="5"/>
  <c r="V48" i="5"/>
  <c r="V40" i="5"/>
  <c r="V37" i="5"/>
  <c r="V29" i="5"/>
  <c r="V28" i="5"/>
  <c r="V21" i="5"/>
  <c r="V19" i="5"/>
  <c r="V17" i="5"/>
  <c r="V15" i="5"/>
  <c r="V13" i="5"/>
  <c r="V11" i="5"/>
  <c r="V9" i="5"/>
  <c r="V7" i="5"/>
  <c r="V5" i="5"/>
  <c r="V64" i="5"/>
  <c r="V51" i="5"/>
  <c r="V50" i="5"/>
  <c r="V42" i="5"/>
  <c r="V34" i="5"/>
  <c r="V27" i="5"/>
  <c r="V26" i="5"/>
  <c r="V44" i="5"/>
  <c r="V35" i="5"/>
  <c r="V33" i="5"/>
  <c r="V32" i="5"/>
  <c r="V25" i="5"/>
  <c r="V24" i="5"/>
  <c r="V20" i="5"/>
  <c r="V18" i="5"/>
  <c r="V16" i="5"/>
  <c r="V14" i="5"/>
  <c r="V12" i="5"/>
  <c r="V10" i="5"/>
  <c r="V8" i="5"/>
  <c r="V6" i="5"/>
  <c r="Z89" i="5"/>
  <c r="Z87" i="5"/>
  <c r="Z85" i="5"/>
  <c r="Z83" i="5"/>
  <c r="Z81" i="5"/>
  <c r="Z86" i="5"/>
  <c r="Z84" i="5"/>
  <c r="Z88" i="5"/>
  <c r="Z82" i="5"/>
  <c r="Z78" i="5"/>
  <c r="Z77" i="5"/>
  <c r="Z76" i="5"/>
  <c r="Z75" i="5"/>
  <c r="Z73" i="5"/>
  <c r="Z79" i="5"/>
  <c r="Z80" i="5"/>
  <c r="Z74" i="5"/>
  <c r="Z72" i="5"/>
  <c r="Z71" i="5"/>
  <c r="Z64" i="5"/>
  <c r="Z63" i="5"/>
  <c r="Z69" i="5"/>
  <c r="Z62" i="5"/>
  <c r="Z61" i="5"/>
  <c r="Z56" i="5"/>
  <c r="Z54" i="5"/>
  <c r="Z52" i="5"/>
  <c r="Z68" i="5"/>
  <c r="Z67" i="5"/>
  <c r="Z60" i="5"/>
  <c r="Z59" i="5"/>
  <c r="Z70" i="5"/>
  <c r="Z66" i="5"/>
  <c r="Z55" i="5"/>
  <c r="Z51" i="5"/>
  <c r="Z58" i="5"/>
  <c r="Z57" i="5"/>
  <c r="Z49" i="5"/>
  <c r="Z47" i="5"/>
  <c r="Z45" i="5"/>
  <c r="Z43" i="5"/>
  <c r="Z41" i="5"/>
  <c r="Z39" i="5"/>
  <c r="Z50" i="5"/>
  <c r="Z42" i="5"/>
  <c r="Z35" i="5"/>
  <c r="Z31" i="5"/>
  <c r="Z30" i="5"/>
  <c r="Z23" i="5"/>
  <c r="Z22" i="5"/>
  <c r="Z19" i="5"/>
  <c r="Z17" i="5"/>
  <c r="Z15" i="5"/>
  <c r="Z13" i="5"/>
  <c r="Z11" i="5"/>
  <c r="Z9" i="5"/>
  <c r="Z7" i="5"/>
  <c r="Z5" i="5"/>
  <c r="Z44" i="5"/>
  <c r="Z36" i="5"/>
  <c r="Z29" i="5"/>
  <c r="Z28" i="5"/>
  <c r="Z21" i="5"/>
  <c r="Z46" i="5"/>
  <c r="Z38" i="5"/>
  <c r="Z37" i="5"/>
  <c r="Z34" i="5"/>
  <c r="Z27" i="5"/>
  <c r="Z26" i="5"/>
  <c r="Z20" i="5"/>
  <c r="Z18" i="5"/>
  <c r="Z16" i="5"/>
  <c r="Z14" i="5"/>
  <c r="Z12" i="5"/>
  <c r="Z10" i="5"/>
  <c r="Z8" i="5"/>
  <c r="Z6" i="5"/>
  <c r="AD89" i="5"/>
  <c r="AD87" i="5"/>
  <c r="AD85" i="5"/>
  <c r="AD83" i="5"/>
  <c r="AD81" i="5"/>
  <c r="AD86" i="5"/>
  <c r="AD88" i="5"/>
  <c r="AD84" i="5"/>
  <c r="AD80" i="5"/>
  <c r="AD79" i="5"/>
  <c r="AD82" i="5"/>
  <c r="AD78" i="5"/>
  <c r="AD77" i="5"/>
  <c r="AD75" i="5"/>
  <c r="AD73" i="5"/>
  <c r="AD76" i="5"/>
  <c r="AD72" i="5"/>
  <c r="AD66" i="5"/>
  <c r="AD65" i="5"/>
  <c r="AD58" i="5"/>
  <c r="AD70" i="5"/>
  <c r="AD64" i="5"/>
  <c r="AD63" i="5"/>
  <c r="AD56" i="5"/>
  <c r="AD54" i="5"/>
  <c r="AD52" i="5"/>
  <c r="AD69" i="5"/>
  <c r="AD62" i="5"/>
  <c r="AD61" i="5"/>
  <c r="AD74" i="5"/>
  <c r="AD67" i="5"/>
  <c r="AD57" i="5"/>
  <c r="AD71" i="5"/>
  <c r="AD68" i="5"/>
  <c r="AD59" i="5"/>
  <c r="AD51" i="5"/>
  <c r="AD49" i="5"/>
  <c r="AD47" i="5"/>
  <c r="AD45" i="5"/>
  <c r="AD43" i="5"/>
  <c r="AD41" i="5"/>
  <c r="AD39" i="5"/>
  <c r="AD60" i="5"/>
  <c r="AD53" i="5"/>
  <c r="AD44" i="5"/>
  <c r="AD37" i="5"/>
  <c r="AD33" i="5"/>
  <c r="AD32" i="5"/>
  <c r="AD25" i="5"/>
  <c r="AD24" i="5"/>
  <c r="AD19" i="5"/>
  <c r="AD17" i="5"/>
  <c r="AD15" i="5"/>
  <c r="AD13" i="5"/>
  <c r="AD11" i="5"/>
  <c r="AD9" i="5"/>
  <c r="AD7" i="5"/>
  <c r="AD5" i="5"/>
  <c r="AD46" i="5"/>
  <c r="AD38" i="5"/>
  <c r="AD31" i="5"/>
  <c r="AD30" i="5"/>
  <c r="AD23" i="5"/>
  <c r="AD22" i="5"/>
  <c r="AD55" i="5"/>
  <c r="AD48" i="5"/>
  <c r="AD40" i="5"/>
  <c r="AD35" i="5"/>
  <c r="AD29" i="5"/>
  <c r="AD28" i="5"/>
  <c r="AD21" i="5"/>
  <c r="AD20" i="5"/>
  <c r="AD18" i="5"/>
  <c r="AD16" i="5"/>
  <c r="AD14" i="5"/>
  <c r="AD12" i="5"/>
  <c r="AD10" i="5"/>
  <c r="AD8" i="5"/>
  <c r="AD6" i="5"/>
  <c r="AH89" i="5"/>
  <c r="AH87" i="5"/>
  <c r="AH85" i="5"/>
  <c r="AH83" i="5"/>
  <c r="AH81" i="5"/>
  <c r="AH88" i="5"/>
  <c r="AH84" i="5"/>
  <c r="AH80" i="5"/>
  <c r="AH79" i="5"/>
  <c r="AH75" i="5"/>
  <c r="AH73" i="5"/>
  <c r="AH78" i="5"/>
  <c r="AH77" i="5"/>
  <c r="AH82" i="5"/>
  <c r="AH76" i="5"/>
  <c r="AH86" i="5"/>
  <c r="AH74" i="5"/>
  <c r="AH72" i="5"/>
  <c r="AH70" i="5"/>
  <c r="AH68" i="5"/>
  <c r="AH67" i="5"/>
  <c r="AH60" i="5"/>
  <c r="AH59" i="5"/>
  <c r="AH66" i="5"/>
  <c r="AH65" i="5"/>
  <c r="AH58" i="5"/>
  <c r="AH56" i="5"/>
  <c r="AH54" i="5"/>
  <c r="AH52" i="5"/>
  <c r="AH71" i="5"/>
  <c r="AH64" i="5"/>
  <c r="AH63" i="5"/>
  <c r="AH69" i="5"/>
  <c r="AH53" i="5"/>
  <c r="AH49" i="5"/>
  <c r="AH47" i="5"/>
  <c r="AH45" i="5"/>
  <c r="AH43" i="5"/>
  <c r="AH41" i="5"/>
  <c r="AH39" i="5"/>
  <c r="AH61" i="5"/>
  <c r="AH55" i="5"/>
  <c r="AH51" i="5"/>
  <c r="AH62" i="5"/>
  <c r="AH46" i="5"/>
  <c r="AH38" i="5"/>
  <c r="AH35" i="5"/>
  <c r="AH34" i="5"/>
  <c r="AH27" i="5"/>
  <c r="AH26" i="5"/>
  <c r="AH19" i="5"/>
  <c r="AH17" i="5"/>
  <c r="AH15" i="5"/>
  <c r="AH13" i="5"/>
  <c r="AH11" i="5"/>
  <c r="AH9" i="5"/>
  <c r="AH7" i="5"/>
  <c r="AH5" i="5"/>
  <c r="AH57" i="5"/>
  <c r="AH48" i="5"/>
  <c r="AH40" i="5"/>
  <c r="AH36" i="5"/>
  <c r="AH33" i="5"/>
  <c r="AH32" i="5"/>
  <c r="AH25" i="5"/>
  <c r="AH24" i="5"/>
  <c r="AH50" i="5"/>
  <c r="AH42" i="5"/>
  <c r="AH37" i="5"/>
  <c r="AH31" i="5"/>
  <c r="AH30" i="5"/>
  <c r="AH23" i="5"/>
  <c r="AH22" i="5"/>
  <c r="AH20" i="5"/>
  <c r="AH18" i="5"/>
  <c r="AH16" i="5"/>
  <c r="AH14" i="5"/>
  <c r="AH12" i="5"/>
  <c r="AH10" i="5"/>
  <c r="AH8" i="5"/>
  <c r="AH6" i="5"/>
  <c r="AL89" i="5"/>
  <c r="AL87" i="5"/>
  <c r="AL85" i="5"/>
  <c r="AL83" i="5"/>
  <c r="AL81" i="5"/>
  <c r="AL84" i="5"/>
  <c r="AL86" i="5"/>
  <c r="AL76" i="5"/>
  <c r="AL82" i="5"/>
  <c r="AL75" i="5"/>
  <c r="AL73" i="5"/>
  <c r="AL88" i="5"/>
  <c r="AL80" i="5"/>
  <c r="AL79" i="5"/>
  <c r="AL77" i="5"/>
  <c r="AL78" i="5"/>
  <c r="AL72" i="5"/>
  <c r="AL70" i="5"/>
  <c r="AL69" i="5"/>
  <c r="AL62" i="5"/>
  <c r="AL61" i="5"/>
  <c r="AL71" i="5"/>
  <c r="AL68" i="5"/>
  <c r="AL67" i="5"/>
  <c r="AL60" i="5"/>
  <c r="AL59" i="5"/>
  <c r="AL56" i="5"/>
  <c r="AL54" i="5"/>
  <c r="AL52" i="5"/>
  <c r="AL74" i="5"/>
  <c r="AL66" i="5"/>
  <c r="AL65" i="5"/>
  <c r="AL58" i="5"/>
  <c r="AL64" i="5"/>
  <c r="AL53" i="5"/>
  <c r="AL55" i="5"/>
  <c r="AL49" i="5"/>
  <c r="AL47" i="5"/>
  <c r="AL45" i="5"/>
  <c r="AL43" i="5"/>
  <c r="AL41" i="5"/>
  <c r="AL39" i="5"/>
  <c r="AL57" i="5"/>
  <c r="AL48" i="5"/>
  <c r="AL40" i="5"/>
  <c r="AL37" i="5"/>
  <c r="AL29" i="5"/>
  <c r="AL28" i="5"/>
  <c r="AL21" i="5"/>
  <c r="AL19" i="5"/>
  <c r="AL17" i="5"/>
  <c r="AL15" i="5"/>
  <c r="AL13" i="5"/>
  <c r="AL11" i="5"/>
  <c r="AL9" i="5"/>
  <c r="AL7" i="5"/>
  <c r="AL5" i="5"/>
  <c r="AL50" i="5"/>
  <c r="AL42" i="5"/>
  <c r="AL34" i="5"/>
  <c r="AL27" i="5"/>
  <c r="AL26" i="5"/>
  <c r="AL63" i="5"/>
  <c r="AL51" i="5"/>
  <c r="AL44" i="5"/>
  <c r="AL35" i="5"/>
  <c r="AL33" i="5"/>
  <c r="AL32" i="5"/>
  <c r="AL25" i="5"/>
  <c r="AL24" i="5"/>
  <c r="AL20" i="5"/>
  <c r="AL18" i="5"/>
  <c r="AL16" i="5"/>
  <c r="AL14" i="5"/>
  <c r="AL12" i="5"/>
  <c r="AL10" i="5"/>
  <c r="AL8" i="5"/>
  <c r="AL6" i="5"/>
  <c r="AP89" i="5"/>
  <c r="AP87" i="5"/>
  <c r="AP85" i="5"/>
  <c r="AP83" i="5"/>
  <c r="AP81" i="5"/>
  <c r="AP86" i="5"/>
  <c r="AP88" i="5"/>
  <c r="AP84" i="5"/>
  <c r="AP82" i="5"/>
  <c r="AP78" i="5"/>
  <c r="AP77" i="5"/>
  <c r="AP76" i="5"/>
  <c r="AP75" i="5"/>
  <c r="AP73" i="5"/>
  <c r="AP79" i="5"/>
  <c r="AP74" i="5"/>
  <c r="AP70" i="5"/>
  <c r="AP80" i="5"/>
  <c r="AP71" i="5"/>
  <c r="AP64" i="5"/>
  <c r="AP63" i="5"/>
  <c r="AP69" i="5"/>
  <c r="AP62" i="5"/>
  <c r="AP61" i="5"/>
  <c r="AP56" i="5"/>
  <c r="AP54" i="5"/>
  <c r="AP52" i="5"/>
  <c r="AP68" i="5"/>
  <c r="AP67" i="5"/>
  <c r="AP60" i="5"/>
  <c r="AP59" i="5"/>
  <c r="AP65" i="5"/>
  <c r="AP55" i="5"/>
  <c r="AP51" i="5"/>
  <c r="AP50" i="5"/>
  <c r="AP66" i="5"/>
  <c r="AP57" i="5"/>
  <c r="AP49" i="5"/>
  <c r="AP47" i="5"/>
  <c r="AP45" i="5"/>
  <c r="AP43" i="5"/>
  <c r="AP41" i="5"/>
  <c r="AP39" i="5"/>
  <c r="AP72" i="5"/>
  <c r="AP58" i="5"/>
  <c r="AP42" i="5"/>
  <c r="AP35" i="5"/>
  <c r="AP31" i="5"/>
  <c r="AP30" i="5"/>
  <c r="AP23" i="5"/>
  <c r="AP22" i="5"/>
  <c r="AP19" i="5"/>
  <c r="AP17" i="5"/>
  <c r="AP15" i="5"/>
  <c r="AP13" i="5"/>
  <c r="AP11" i="5"/>
  <c r="AP9" i="5"/>
  <c r="AP7" i="5"/>
  <c r="AP5" i="5"/>
  <c r="AP44" i="5"/>
  <c r="AP36" i="5"/>
  <c r="AP29" i="5"/>
  <c r="AP28" i="5"/>
  <c r="AP21" i="5"/>
  <c r="AP53" i="5"/>
  <c r="AP46" i="5"/>
  <c r="AP38" i="5"/>
  <c r="AP37" i="5"/>
  <c r="AP34" i="5"/>
  <c r="AP27" i="5"/>
  <c r="AP26" i="5"/>
  <c r="AP20" i="5"/>
  <c r="AP18" i="5"/>
  <c r="AP16" i="5"/>
  <c r="AP14" i="5"/>
  <c r="AP12" i="5"/>
  <c r="AP10" i="5"/>
  <c r="AP8" i="5"/>
  <c r="AP6" i="5"/>
  <c r="AT89" i="5"/>
  <c r="AT87" i="5"/>
  <c r="AT85" i="5"/>
  <c r="AT83" i="5"/>
  <c r="AT81" i="5"/>
  <c r="AT86" i="5"/>
  <c r="AT84" i="5"/>
  <c r="AT88" i="5"/>
  <c r="AT82" i="5"/>
  <c r="AT80" i="5"/>
  <c r="AT79" i="5"/>
  <c r="AT78" i="5"/>
  <c r="AT77" i="5"/>
  <c r="AT75" i="5"/>
  <c r="AT73" i="5"/>
  <c r="AT76" i="5"/>
  <c r="AT72" i="5"/>
  <c r="AT70" i="5"/>
  <c r="AT66" i="5"/>
  <c r="AT65" i="5"/>
  <c r="AT58" i="5"/>
  <c r="AT57" i="5"/>
  <c r="AT74" i="5"/>
  <c r="AT64" i="5"/>
  <c r="AT63" i="5"/>
  <c r="AT56" i="5"/>
  <c r="AT54" i="5"/>
  <c r="AT52" i="5"/>
  <c r="AT69" i="5"/>
  <c r="AT62" i="5"/>
  <c r="AT61" i="5"/>
  <c r="AT71" i="5"/>
  <c r="AT67" i="5"/>
  <c r="AT51" i="5"/>
  <c r="AT50" i="5"/>
  <c r="AT49" i="5"/>
  <c r="AT47" i="5"/>
  <c r="AT45" i="5"/>
  <c r="AT43" i="5"/>
  <c r="AT41" i="5"/>
  <c r="AT39" i="5"/>
  <c r="AT68" i="5"/>
  <c r="AT59" i="5"/>
  <c r="AT53" i="5"/>
  <c r="AT44" i="5"/>
  <c r="AT37" i="5"/>
  <c r="AT33" i="5"/>
  <c r="AT32" i="5"/>
  <c r="AT25" i="5"/>
  <c r="AT24" i="5"/>
  <c r="AT19" i="5"/>
  <c r="AT17" i="5"/>
  <c r="AT15" i="5"/>
  <c r="AT13" i="5"/>
  <c r="AT11" i="5"/>
  <c r="AT9" i="5"/>
  <c r="AT7" i="5"/>
  <c r="AT5" i="5"/>
  <c r="AT55" i="5"/>
  <c r="AT46" i="5"/>
  <c r="AT38" i="5"/>
  <c r="AT31" i="5"/>
  <c r="AT30" i="5"/>
  <c r="AT23" i="5"/>
  <c r="AT22" i="5"/>
  <c r="AT48" i="5"/>
  <c r="AT40" i="5"/>
  <c r="AT35" i="5"/>
  <c r="AT29" i="5"/>
  <c r="AT28" i="5"/>
  <c r="AT21" i="5"/>
  <c r="AT20" i="5"/>
  <c r="AT18" i="5"/>
  <c r="AT16" i="5"/>
  <c r="AT14" i="5"/>
  <c r="AT12" i="5"/>
  <c r="AT10" i="5"/>
  <c r="AT8" i="5"/>
  <c r="AT6" i="5"/>
  <c r="H86" i="5"/>
  <c r="H81" i="5"/>
  <c r="H75" i="5"/>
  <c r="H70" i="5"/>
  <c r="H65" i="5"/>
  <c r="H59" i="5"/>
  <c r="H54" i="5"/>
  <c r="H49" i="5"/>
  <c r="H43" i="5"/>
  <c r="H38" i="5"/>
  <c r="H33" i="5"/>
  <c r="H25" i="5"/>
  <c r="H17" i="5"/>
  <c r="H9" i="5"/>
  <c r="O6" i="5"/>
  <c r="O9" i="5"/>
  <c r="W9" i="5"/>
  <c r="AE9" i="5"/>
  <c r="AM9" i="5"/>
  <c r="S11" i="5"/>
  <c r="AI11" i="5"/>
  <c r="W13" i="5"/>
  <c r="K15" i="5"/>
  <c r="O17" i="5"/>
  <c r="AI19" i="5"/>
  <c r="AB21" i="5"/>
  <c r="L22" i="5"/>
  <c r="P23" i="5"/>
  <c r="AL23" i="5"/>
  <c r="AP24" i="5"/>
  <c r="Z25" i="5"/>
  <c r="AD26" i="5"/>
  <c r="N27" i="5"/>
  <c r="R28" i="5"/>
  <c r="AN28" i="5"/>
  <c r="AR29" i="5"/>
  <c r="AB30" i="5"/>
  <c r="AF31" i="5"/>
  <c r="P32" i="5"/>
  <c r="T33" i="5"/>
  <c r="AP33" i="5"/>
  <c r="AT34" i="5"/>
  <c r="AJ35" i="5"/>
  <c r="AD36" i="5"/>
  <c r="X37" i="5"/>
  <c r="V38" i="5"/>
  <c r="J40" i="5"/>
  <c r="AJ41" i="5"/>
  <c r="X43" i="5"/>
  <c r="L45" i="5"/>
  <c r="AL46" i="5"/>
  <c r="Z48" i="5"/>
  <c r="N50" i="5"/>
  <c r="P52" i="5"/>
  <c r="AJ58" i="5"/>
  <c r="AJ67" i="5"/>
  <c r="K88" i="5"/>
  <c r="K86" i="5"/>
  <c r="K89" i="5"/>
  <c r="K87" i="5"/>
  <c r="K85" i="5"/>
  <c r="K84" i="5"/>
  <c r="K81" i="5"/>
  <c r="K79" i="5"/>
  <c r="K77" i="5"/>
  <c r="K82" i="5"/>
  <c r="K80" i="5"/>
  <c r="K76" i="5"/>
  <c r="K74" i="5"/>
  <c r="K73" i="5"/>
  <c r="K72" i="5"/>
  <c r="K83" i="5"/>
  <c r="K78" i="5"/>
  <c r="K75" i="5"/>
  <c r="K71" i="5"/>
  <c r="K69" i="5"/>
  <c r="K67" i="5"/>
  <c r="K65" i="5"/>
  <c r="K63" i="5"/>
  <c r="K61" i="5"/>
  <c r="K59" i="5"/>
  <c r="K70" i="5"/>
  <c r="K62" i="5"/>
  <c r="K56" i="5"/>
  <c r="K54" i="5"/>
  <c r="K52" i="5"/>
  <c r="K68" i="5"/>
  <c r="K60" i="5"/>
  <c r="K66" i="5"/>
  <c r="K58" i="5"/>
  <c r="K57" i="5"/>
  <c r="K55" i="5"/>
  <c r="K53" i="5"/>
  <c r="K49" i="5"/>
  <c r="K47" i="5"/>
  <c r="K45" i="5"/>
  <c r="K43" i="5"/>
  <c r="K41" i="5"/>
  <c r="K39" i="5"/>
  <c r="K37" i="5"/>
  <c r="K64" i="5"/>
  <c r="K50" i="5"/>
  <c r="K48" i="5"/>
  <c r="K46" i="5"/>
  <c r="K44" i="5"/>
  <c r="K42" i="5"/>
  <c r="K40" i="5"/>
  <c r="K38" i="5"/>
  <c r="K36" i="5"/>
  <c r="K34" i="5"/>
  <c r="K32" i="5"/>
  <c r="K30" i="5"/>
  <c r="K28" i="5"/>
  <c r="K26" i="5"/>
  <c r="K24" i="5"/>
  <c r="K22" i="5"/>
  <c r="K29" i="5"/>
  <c r="K21" i="5"/>
  <c r="K8" i="5"/>
  <c r="K35" i="5"/>
  <c r="K27" i="5"/>
  <c r="K20" i="5"/>
  <c r="K18" i="5"/>
  <c r="K16" i="5"/>
  <c r="K14" i="5"/>
  <c r="K12" i="5"/>
  <c r="K10" i="5"/>
  <c r="K33" i="5"/>
  <c r="K25" i="5"/>
  <c r="S88" i="5"/>
  <c r="S86" i="5"/>
  <c r="S89" i="5"/>
  <c r="S87" i="5"/>
  <c r="S85" i="5"/>
  <c r="S84" i="5"/>
  <c r="S79" i="5"/>
  <c r="S77" i="5"/>
  <c r="S80" i="5"/>
  <c r="S81" i="5"/>
  <c r="S78" i="5"/>
  <c r="S76" i="5"/>
  <c r="S74" i="5"/>
  <c r="S73" i="5"/>
  <c r="S72" i="5"/>
  <c r="S70" i="5"/>
  <c r="S83" i="5"/>
  <c r="S82" i="5"/>
  <c r="S75" i="5"/>
  <c r="S71" i="5"/>
  <c r="S69" i="5"/>
  <c r="S67" i="5"/>
  <c r="S65" i="5"/>
  <c r="S63" i="5"/>
  <c r="S61" i="5"/>
  <c r="S59" i="5"/>
  <c r="S66" i="5"/>
  <c r="S58" i="5"/>
  <c r="S56" i="5"/>
  <c r="S54" i="5"/>
  <c r="S52" i="5"/>
  <c r="S64" i="5"/>
  <c r="S62" i="5"/>
  <c r="S57" i="5"/>
  <c r="S55" i="5"/>
  <c r="S53" i="5"/>
  <c r="S60" i="5"/>
  <c r="S49" i="5"/>
  <c r="S47" i="5"/>
  <c r="S45" i="5"/>
  <c r="S43" i="5"/>
  <c r="S41" i="5"/>
  <c r="S39" i="5"/>
  <c r="S37" i="5"/>
  <c r="S35" i="5"/>
  <c r="S51" i="5"/>
  <c r="S50" i="5"/>
  <c r="S48" i="5"/>
  <c r="S46" i="5"/>
  <c r="S44" i="5"/>
  <c r="S42" i="5"/>
  <c r="S40" i="5"/>
  <c r="S38" i="5"/>
  <c r="S36" i="5"/>
  <c r="S34" i="5"/>
  <c r="S32" i="5"/>
  <c r="S30" i="5"/>
  <c r="S28" i="5"/>
  <c r="S26" i="5"/>
  <c r="S24" i="5"/>
  <c r="S22" i="5"/>
  <c r="S33" i="5"/>
  <c r="S25" i="5"/>
  <c r="S31" i="5"/>
  <c r="S23" i="5"/>
  <c r="S20" i="5"/>
  <c r="S18" i="5"/>
  <c r="S16" i="5"/>
  <c r="S14" i="5"/>
  <c r="S12" i="5"/>
  <c r="S10" i="5"/>
  <c r="S8" i="5"/>
  <c r="S68" i="5"/>
  <c r="S29" i="5"/>
  <c r="S21" i="5"/>
  <c r="W88" i="5"/>
  <c r="W86" i="5"/>
  <c r="W89" i="5"/>
  <c r="W87" i="5"/>
  <c r="W85" i="5"/>
  <c r="W83" i="5"/>
  <c r="W79" i="5"/>
  <c r="W77" i="5"/>
  <c r="W82" i="5"/>
  <c r="W80" i="5"/>
  <c r="W78" i="5"/>
  <c r="W74" i="5"/>
  <c r="W75" i="5"/>
  <c r="W72" i="5"/>
  <c r="W70" i="5"/>
  <c r="W76" i="5"/>
  <c r="W73" i="5"/>
  <c r="W71" i="5"/>
  <c r="W69" i="5"/>
  <c r="W67" i="5"/>
  <c r="W65" i="5"/>
  <c r="W63" i="5"/>
  <c r="W61" i="5"/>
  <c r="W59" i="5"/>
  <c r="W84" i="5"/>
  <c r="W68" i="5"/>
  <c r="W60" i="5"/>
  <c r="W56" i="5"/>
  <c r="W54" i="5"/>
  <c r="W52" i="5"/>
  <c r="W66" i="5"/>
  <c r="W58" i="5"/>
  <c r="W64" i="5"/>
  <c r="W57" i="5"/>
  <c r="W55" i="5"/>
  <c r="W53" i="5"/>
  <c r="W81" i="5"/>
  <c r="W49" i="5"/>
  <c r="W47" i="5"/>
  <c r="W45" i="5"/>
  <c r="W43" i="5"/>
  <c r="W41" i="5"/>
  <c r="W39" i="5"/>
  <c r="W37" i="5"/>
  <c r="W35" i="5"/>
  <c r="W62" i="5"/>
  <c r="W51" i="5"/>
  <c r="W50" i="5"/>
  <c r="W48" i="5"/>
  <c r="W46" i="5"/>
  <c r="W44" i="5"/>
  <c r="W42" i="5"/>
  <c r="W40" i="5"/>
  <c r="W38" i="5"/>
  <c r="W36" i="5"/>
  <c r="W34" i="5"/>
  <c r="W32" i="5"/>
  <c r="W30" i="5"/>
  <c r="W28" i="5"/>
  <c r="W26" i="5"/>
  <c r="W24" i="5"/>
  <c r="W22" i="5"/>
  <c r="W27" i="5"/>
  <c r="W33" i="5"/>
  <c r="W25" i="5"/>
  <c r="W20" i="5"/>
  <c r="W18" i="5"/>
  <c r="W16" i="5"/>
  <c r="W14" i="5"/>
  <c r="W12" i="5"/>
  <c r="W10" i="5"/>
  <c r="W8" i="5"/>
  <c r="W6" i="5"/>
  <c r="W31" i="5"/>
  <c r="W23" i="5"/>
  <c r="AA88" i="5"/>
  <c r="AA86" i="5"/>
  <c r="AA89" i="5"/>
  <c r="AA87" i="5"/>
  <c r="AA85" i="5"/>
  <c r="AA84" i="5"/>
  <c r="AA83" i="5"/>
  <c r="AA81" i="5"/>
  <c r="AA79" i="5"/>
  <c r="AA77" i="5"/>
  <c r="AA76" i="5"/>
  <c r="AA80" i="5"/>
  <c r="AA74" i="5"/>
  <c r="AA73" i="5"/>
  <c r="AA72" i="5"/>
  <c r="AA70" i="5"/>
  <c r="AA82" i="5"/>
  <c r="AA75" i="5"/>
  <c r="AA71" i="5"/>
  <c r="AA69" i="5"/>
  <c r="AA67" i="5"/>
  <c r="AA65" i="5"/>
  <c r="AA63" i="5"/>
  <c r="AA61" i="5"/>
  <c r="AA59" i="5"/>
  <c r="AA78" i="5"/>
  <c r="AA62" i="5"/>
  <c r="AA56" i="5"/>
  <c r="AA54" i="5"/>
  <c r="AA52" i="5"/>
  <c r="AA68" i="5"/>
  <c r="AA60" i="5"/>
  <c r="AA66" i="5"/>
  <c r="AA58" i="5"/>
  <c r="AA57" i="5"/>
  <c r="AA55" i="5"/>
  <c r="AA53" i="5"/>
  <c r="AA49" i="5"/>
  <c r="AA47" i="5"/>
  <c r="AA45" i="5"/>
  <c r="AA43" i="5"/>
  <c r="AA41" i="5"/>
  <c r="AA39" i="5"/>
  <c r="AA37" i="5"/>
  <c r="AA35" i="5"/>
  <c r="AA64" i="5"/>
  <c r="AA50" i="5"/>
  <c r="AA48" i="5"/>
  <c r="AA46" i="5"/>
  <c r="AA44" i="5"/>
  <c r="AA42" i="5"/>
  <c r="AA40" i="5"/>
  <c r="AA38" i="5"/>
  <c r="AA36" i="5"/>
  <c r="AA34" i="5"/>
  <c r="AA32" i="5"/>
  <c r="AA30" i="5"/>
  <c r="AA28" i="5"/>
  <c r="AA26" i="5"/>
  <c r="AA24" i="5"/>
  <c r="AA22" i="5"/>
  <c r="AA51" i="5"/>
  <c r="AA29" i="5"/>
  <c r="AA21" i="5"/>
  <c r="AA8" i="5"/>
  <c r="AA6" i="5"/>
  <c r="AA27" i="5"/>
  <c r="AA20" i="5"/>
  <c r="AA18" i="5"/>
  <c r="AA16" i="5"/>
  <c r="AA14" i="5"/>
  <c r="AA12" i="5"/>
  <c r="AA10" i="5"/>
  <c r="AA33" i="5"/>
  <c r="AA25" i="5"/>
  <c r="AE88" i="5"/>
  <c r="AE86" i="5"/>
  <c r="AE89" i="5"/>
  <c r="AE87" i="5"/>
  <c r="AE85" i="5"/>
  <c r="AE84" i="5"/>
  <c r="AE83" i="5"/>
  <c r="AE82" i="5"/>
  <c r="AE79" i="5"/>
  <c r="AE77" i="5"/>
  <c r="AE78" i="5"/>
  <c r="AE76" i="5"/>
  <c r="AE81" i="5"/>
  <c r="AE74" i="5"/>
  <c r="AE80" i="5"/>
  <c r="AE75" i="5"/>
  <c r="AE72" i="5"/>
  <c r="AE70" i="5"/>
  <c r="AE73" i="5"/>
  <c r="AE71" i="5"/>
  <c r="AE69" i="5"/>
  <c r="AE67" i="5"/>
  <c r="AE65" i="5"/>
  <c r="AE63" i="5"/>
  <c r="AE61" i="5"/>
  <c r="AE59" i="5"/>
  <c r="AE64" i="5"/>
  <c r="AE56" i="5"/>
  <c r="AE54" i="5"/>
  <c r="AE52" i="5"/>
  <c r="AE62" i="5"/>
  <c r="AE68" i="5"/>
  <c r="AE60" i="5"/>
  <c r="AE57" i="5"/>
  <c r="AE55" i="5"/>
  <c r="AE53" i="5"/>
  <c r="AE58" i="5"/>
  <c r="AE51" i="5"/>
  <c r="AE49" i="5"/>
  <c r="AE47" i="5"/>
  <c r="AE45" i="5"/>
  <c r="AE43" i="5"/>
  <c r="AE41" i="5"/>
  <c r="AE39" i="5"/>
  <c r="AE37" i="5"/>
  <c r="AE35" i="5"/>
  <c r="AE50" i="5"/>
  <c r="AE48" i="5"/>
  <c r="AE46" i="5"/>
  <c r="AE44" i="5"/>
  <c r="AE42" i="5"/>
  <c r="AE40" i="5"/>
  <c r="AE38" i="5"/>
  <c r="AE36" i="5"/>
  <c r="AE34" i="5"/>
  <c r="AE32" i="5"/>
  <c r="AE30" i="5"/>
  <c r="AE28" i="5"/>
  <c r="AE26" i="5"/>
  <c r="AE24" i="5"/>
  <c r="AE22" i="5"/>
  <c r="AE31" i="5"/>
  <c r="AE23" i="5"/>
  <c r="AE6" i="5"/>
  <c r="AE66" i="5"/>
  <c r="AE29" i="5"/>
  <c r="AE21" i="5"/>
  <c r="AE20" i="5"/>
  <c r="AE18" i="5"/>
  <c r="AE16" i="5"/>
  <c r="AE14" i="5"/>
  <c r="AE12" i="5"/>
  <c r="AE10" i="5"/>
  <c r="AE8" i="5"/>
  <c r="AE27" i="5"/>
  <c r="AI88" i="5"/>
  <c r="AI86" i="5"/>
  <c r="AI89" i="5"/>
  <c r="AI87" i="5"/>
  <c r="AI85" i="5"/>
  <c r="AI84" i="5"/>
  <c r="AI79" i="5"/>
  <c r="AI77" i="5"/>
  <c r="AI83" i="5"/>
  <c r="AI81" i="5"/>
  <c r="AI80" i="5"/>
  <c r="AI78" i="5"/>
  <c r="AI82" i="5"/>
  <c r="AI76" i="5"/>
  <c r="AI74" i="5"/>
  <c r="AI73" i="5"/>
  <c r="AI72" i="5"/>
  <c r="AI70" i="5"/>
  <c r="AI75" i="5"/>
  <c r="AI71" i="5"/>
  <c r="AI69" i="5"/>
  <c r="AI67" i="5"/>
  <c r="AI65" i="5"/>
  <c r="AI63" i="5"/>
  <c r="AI61" i="5"/>
  <c r="AI59" i="5"/>
  <c r="AI66" i="5"/>
  <c r="AI58" i="5"/>
  <c r="AI56" i="5"/>
  <c r="AI54" i="5"/>
  <c r="AI52" i="5"/>
  <c r="AI64" i="5"/>
  <c r="AI62" i="5"/>
  <c r="AI57" i="5"/>
  <c r="AI55" i="5"/>
  <c r="AI53" i="5"/>
  <c r="AI68" i="5"/>
  <c r="AI49" i="5"/>
  <c r="AI47" i="5"/>
  <c r="AI45" i="5"/>
  <c r="AI43" i="5"/>
  <c r="AI41" i="5"/>
  <c r="AI39" i="5"/>
  <c r="AI37" i="5"/>
  <c r="AI35" i="5"/>
  <c r="AI60" i="5"/>
  <c r="AI51" i="5"/>
  <c r="AI50" i="5"/>
  <c r="AI48" i="5"/>
  <c r="AI46" i="5"/>
  <c r="AI44" i="5"/>
  <c r="AI42" i="5"/>
  <c r="AI40" i="5"/>
  <c r="AI38" i="5"/>
  <c r="AI36" i="5"/>
  <c r="AI34" i="5"/>
  <c r="AI32" i="5"/>
  <c r="AI30" i="5"/>
  <c r="AI28" i="5"/>
  <c r="AI26" i="5"/>
  <c r="AI24" i="5"/>
  <c r="AI22" i="5"/>
  <c r="AI33" i="5"/>
  <c r="AI25" i="5"/>
  <c r="AI6" i="5"/>
  <c r="AI31" i="5"/>
  <c r="AI23" i="5"/>
  <c r="AI20" i="5"/>
  <c r="AI18" i="5"/>
  <c r="AI16" i="5"/>
  <c r="AI14" i="5"/>
  <c r="AI12" i="5"/>
  <c r="AI10" i="5"/>
  <c r="AI8" i="5"/>
  <c r="AI29" i="5"/>
  <c r="AI21" i="5"/>
  <c r="AM88" i="5"/>
  <c r="AM86" i="5"/>
  <c r="AM89" i="5"/>
  <c r="AM87" i="5"/>
  <c r="AM85" i="5"/>
  <c r="AM83" i="5"/>
  <c r="AM79" i="5"/>
  <c r="AM77" i="5"/>
  <c r="AM84" i="5"/>
  <c r="AM82" i="5"/>
  <c r="AM80" i="5"/>
  <c r="AM81" i="5"/>
  <c r="AM78" i="5"/>
  <c r="AM74" i="5"/>
  <c r="AM72" i="5"/>
  <c r="AM75" i="5"/>
  <c r="AM70" i="5"/>
  <c r="AM73" i="5"/>
  <c r="AM71" i="5"/>
  <c r="AM69" i="5"/>
  <c r="AM67" i="5"/>
  <c r="AM65" i="5"/>
  <c r="AM63" i="5"/>
  <c r="AM61" i="5"/>
  <c r="AM59" i="5"/>
  <c r="AM68" i="5"/>
  <c r="AM60" i="5"/>
  <c r="AM56" i="5"/>
  <c r="AM54" i="5"/>
  <c r="AM52" i="5"/>
  <c r="AM50" i="5"/>
  <c r="AM66" i="5"/>
  <c r="AM58" i="5"/>
  <c r="AM64" i="5"/>
  <c r="AM57" i="5"/>
  <c r="AM55" i="5"/>
  <c r="AM53" i="5"/>
  <c r="AM49" i="5"/>
  <c r="AM47" i="5"/>
  <c r="AM45" i="5"/>
  <c r="AM43" i="5"/>
  <c r="AM41" i="5"/>
  <c r="AM39" i="5"/>
  <c r="AM37" i="5"/>
  <c r="AM35" i="5"/>
  <c r="AM76" i="5"/>
  <c r="AM62" i="5"/>
  <c r="AM51" i="5"/>
  <c r="AM48" i="5"/>
  <c r="AM46" i="5"/>
  <c r="AM44" i="5"/>
  <c r="AM42" i="5"/>
  <c r="AM40" i="5"/>
  <c r="AM38" i="5"/>
  <c r="AM36" i="5"/>
  <c r="AM34" i="5"/>
  <c r="AM32" i="5"/>
  <c r="AM30" i="5"/>
  <c r="AM28" i="5"/>
  <c r="AM26" i="5"/>
  <c r="AM24" i="5"/>
  <c r="AM22" i="5"/>
  <c r="AM27" i="5"/>
  <c r="AM6" i="5"/>
  <c r="AM33" i="5"/>
  <c r="AM25" i="5"/>
  <c r="AM20" i="5"/>
  <c r="AM18" i="5"/>
  <c r="AM16" i="5"/>
  <c r="AM14" i="5"/>
  <c r="AM12" i="5"/>
  <c r="AM10" i="5"/>
  <c r="AM8" i="5"/>
  <c r="AM31" i="5"/>
  <c r="AM23" i="5"/>
  <c r="AQ88" i="5"/>
  <c r="AQ86" i="5"/>
  <c r="AQ89" i="5"/>
  <c r="AQ87" i="5"/>
  <c r="AQ85" i="5"/>
  <c r="AQ84" i="5"/>
  <c r="AQ83" i="5"/>
  <c r="AQ81" i="5"/>
  <c r="AQ79" i="5"/>
  <c r="AQ77" i="5"/>
  <c r="AQ76" i="5"/>
  <c r="AQ75" i="5"/>
  <c r="AQ82" i="5"/>
  <c r="AQ80" i="5"/>
  <c r="AQ74" i="5"/>
  <c r="AQ72" i="5"/>
  <c r="AQ78" i="5"/>
  <c r="AQ73" i="5"/>
  <c r="AQ70" i="5"/>
  <c r="AQ71" i="5"/>
  <c r="AQ69" i="5"/>
  <c r="AQ67" i="5"/>
  <c r="AQ65" i="5"/>
  <c r="AQ63" i="5"/>
  <c r="AQ61" i="5"/>
  <c r="AQ59" i="5"/>
  <c r="AQ57" i="5"/>
  <c r="AQ62" i="5"/>
  <c r="AQ56" i="5"/>
  <c r="AQ54" i="5"/>
  <c r="AQ52" i="5"/>
  <c r="AQ50" i="5"/>
  <c r="AQ68" i="5"/>
  <c r="AQ60" i="5"/>
  <c r="AQ66" i="5"/>
  <c r="AQ58" i="5"/>
  <c r="AQ55" i="5"/>
  <c r="AQ53" i="5"/>
  <c r="AQ49" i="5"/>
  <c r="AQ47" i="5"/>
  <c r="AQ45" i="5"/>
  <c r="AQ43" i="5"/>
  <c r="AQ41" i="5"/>
  <c r="AQ39" i="5"/>
  <c r="AQ37" i="5"/>
  <c r="AQ35" i="5"/>
  <c r="AQ48" i="5"/>
  <c r="AQ46" i="5"/>
  <c r="AQ44" i="5"/>
  <c r="AQ42" i="5"/>
  <c r="AQ40" i="5"/>
  <c r="AQ38" i="5"/>
  <c r="AQ36" i="5"/>
  <c r="AQ34" i="5"/>
  <c r="AQ32" i="5"/>
  <c r="AQ30" i="5"/>
  <c r="AQ28" i="5"/>
  <c r="AQ26" i="5"/>
  <c r="AQ24" i="5"/>
  <c r="AQ22" i="5"/>
  <c r="AQ64" i="5"/>
  <c r="AQ29" i="5"/>
  <c r="AQ21" i="5"/>
  <c r="AQ6" i="5"/>
  <c r="AQ51" i="5"/>
  <c r="AQ27" i="5"/>
  <c r="AQ20" i="5"/>
  <c r="AQ18" i="5"/>
  <c r="AQ16" i="5"/>
  <c r="AQ14" i="5"/>
  <c r="AQ12" i="5"/>
  <c r="AQ10" i="5"/>
  <c r="AQ8" i="5"/>
  <c r="AQ33" i="5"/>
  <c r="AQ25" i="5"/>
  <c r="H5" i="5"/>
  <c r="H85" i="5"/>
  <c r="H79" i="5"/>
  <c r="H74" i="5"/>
  <c r="H69" i="5"/>
  <c r="H63" i="5"/>
  <c r="H58" i="5"/>
  <c r="H53" i="5"/>
  <c r="H47" i="5"/>
  <c r="H42" i="5"/>
  <c r="H37" i="5"/>
  <c r="H31" i="5"/>
  <c r="H23" i="5"/>
  <c r="H15" i="5"/>
  <c r="H7" i="5"/>
  <c r="O5" i="5"/>
  <c r="W5" i="5"/>
  <c r="AE5" i="5"/>
  <c r="AM5" i="5"/>
  <c r="O7" i="5"/>
  <c r="W7" i="5"/>
  <c r="AE7" i="5"/>
  <c r="AM7" i="5"/>
  <c r="W11" i="5"/>
  <c r="AM11" i="5"/>
  <c r="K13" i="5"/>
  <c r="AA13" i="5"/>
  <c r="AQ13" i="5"/>
  <c r="O15" i="5"/>
  <c r="AE15" i="5"/>
  <c r="S17" i="5"/>
  <c r="AI17" i="5"/>
  <c r="W19" i="5"/>
  <c r="AM19" i="5"/>
  <c r="L21" i="5"/>
  <c r="AH21" i="5"/>
  <c r="AL22" i="5"/>
  <c r="V23" i="5"/>
  <c r="AQ23" i="5"/>
  <c r="Z24" i="5"/>
  <c r="J25" i="5"/>
  <c r="AE25" i="5"/>
  <c r="N26" i="5"/>
  <c r="AJ26" i="5"/>
  <c r="S27" i="5"/>
  <c r="AN27" i="5"/>
  <c r="X28" i="5"/>
  <c r="AB29" i="5"/>
  <c r="L30" i="5"/>
  <c r="P31" i="5"/>
  <c r="AL31" i="5"/>
  <c r="AP32" i="5"/>
  <c r="Z33" i="5"/>
  <c r="AD34" i="5"/>
  <c r="N35" i="5"/>
  <c r="AR35" i="5"/>
  <c r="AL36" i="5"/>
  <c r="AF37" i="5"/>
  <c r="AL38" i="5"/>
  <c r="Z40" i="5"/>
  <c r="N42" i="5"/>
  <c r="AN43" i="5"/>
  <c r="AB45" i="5"/>
  <c r="P47" i="5"/>
  <c r="AP48" i="5"/>
  <c r="AD50" i="5"/>
  <c r="Z53" i="5"/>
  <c r="AT60" i="5"/>
  <c r="M22" i="5"/>
  <c r="AC22" i="5"/>
  <c r="AS22" i="5"/>
  <c r="Q24" i="5"/>
  <c r="AG24" i="5"/>
  <c r="U26" i="5"/>
  <c r="AK26" i="5"/>
  <c r="I28" i="5"/>
  <c r="Y28" i="5"/>
  <c r="AO28" i="5"/>
  <c r="M30" i="5"/>
  <c r="AC30" i="5"/>
  <c r="AS30" i="5"/>
  <c r="Q32" i="5"/>
  <c r="AG32" i="5"/>
  <c r="U34" i="5"/>
  <c r="AK34" i="5"/>
  <c r="U52" i="5"/>
  <c r="AC61" i="5"/>
  <c r="I9" i="5"/>
  <c r="M9" i="5"/>
  <c r="I11" i="5"/>
  <c r="M11" i="5"/>
  <c r="Q11" i="5"/>
  <c r="U11" i="5"/>
  <c r="Y11" i="5"/>
  <c r="AC11" i="5"/>
  <c r="AG11" i="5"/>
  <c r="AK11" i="5"/>
  <c r="AO11" i="5"/>
  <c r="AS11" i="5"/>
  <c r="I13" i="5"/>
  <c r="M13" i="5"/>
  <c r="Q13" i="5"/>
  <c r="U13" i="5"/>
  <c r="Y13" i="5"/>
  <c r="AC13" i="5"/>
  <c r="AG13" i="5"/>
  <c r="AK13" i="5"/>
  <c r="AO13" i="5"/>
  <c r="AS13" i="5"/>
  <c r="I15" i="5"/>
  <c r="M15" i="5"/>
  <c r="Q15" i="5"/>
  <c r="U15" i="5"/>
  <c r="Y15" i="5"/>
  <c r="AC15" i="5"/>
  <c r="AG15" i="5"/>
  <c r="AK15" i="5"/>
  <c r="AO15" i="5"/>
  <c r="AS15" i="5"/>
  <c r="I17" i="5"/>
  <c r="M17" i="5"/>
  <c r="Q17" i="5"/>
  <c r="U17" i="5"/>
  <c r="Y17" i="5"/>
  <c r="AC17" i="5"/>
  <c r="AG17" i="5"/>
  <c r="AK17" i="5"/>
  <c r="AO17" i="5"/>
  <c r="AS17" i="5"/>
  <c r="I19" i="5"/>
  <c r="M19" i="5"/>
  <c r="Q19" i="5"/>
  <c r="U19" i="5"/>
  <c r="Y19" i="5"/>
  <c r="AC19" i="5"/>
  <c r="AG19" i="5"/>
  <c r="AK19" i="5"/>
  <c r="AO19" i="5"/>
  <c r="AS19" i="5"/>
  <c r="I22" i="5"/>
  <c r="Y22" i="5"/>
  <c r="AO22" i="5"/>
  <c r="M24" i="5"/>
  <c r="AC24" i="5"/>
  <c r="AS24" i="5"/>
  <c r="Q26" i="5"/>
  <c r="AG26" i="5"/>
  <c r="AO30" i="5"/>
  <c r="I89" i="5"/>
  <c r="I87" i="5"/>
  <c r="I88" i="5"/>
  <c r="I86" i="5"/>
  <c r="I84" i="5"/>
  <c r="I83" i="5"/>
  <c r="I80" i="5"/>
  <c r="I78" i="5"/>
  <c r="I79" i="5"/>
  <c r="I76" i="5"/>
  <c r="I82" i="5"/>
  <c r="I77" i="5"/>
  <c r="I75" i="5"/>
  <c r="I73" i="5"/>
  <c r="I71" i="5"/>
  <c r="I81" i="5"/>
  <c r="I85" i="5"/>
  <c r="I74" i="5"/>
  <c r="I72" i="5"/>
  <c r="I70" i="5"/>
  <c r="I68" i="5"/>
  <c r="I66" i="5"/>
  <c r="I64" i="5"/>
  <c r="I62" i="5"/>
  <c r="I60" i="5"/>
  <c r="I58" i="5"/>
  <c r="I65" i="5"/>
  <c r="I57" i="5"/>
  <c r="I55" i="5"/>
  <c r="I53" i="5"/>
  <c r="I51" i="5"/>
  <c r="I63" i="5"/>
  <c r="I69" i="5"/>
  <c r="I61" i="5"/>
  <c r="I56" i="5"/>
  <c r="I54" i="5"/>
  <c r="I67" i="5"/>
  <c r="I52" i="5"/>
  <c r="I50" i="5"/>
  <c r="I48" i="5"/>
  <c r="I46" i="5"/>
  <c r="I44" i="5"/>
  <c r="I42" i="5"/>
  <c r="I40" i="5"/>
  <c r="I38" i="5"/>
  <c r="I36" i="5"/>
  <c r="I59" i="5"/>
  <c r="I49" i="5"/>
  <c r="I47" i="5"/>
  <c r="I45" i="5"/>
  <c r="I43" i="5"/>
  <c r="I41" i="5"/>
  <c r="I39" i="5"/>
  <c r="I37" i="5"/>
  <c r="I35" i="5"/>
  <c r="I33" i="5"/>
  <c r="I31" i="5"/>
  <c r="I29" i="5"/>
  <c r="I27" i="5"/>
  <c r="I25" i="5"/>
  <c r="I23" i="5"/>
  <c r="I21" i="5"/>
  <c r="M89" i="5"/>
  <c r="M87" i="5"/>
  <c r="M85" i="5"/>
  <c r="M88" i="5"/>
  <c r="M86" i="5"/>
  <c r="M80" i="5"/>
  <c r="M78" i="5"/>
  <c r="M81" i="5"/>
  <c r="M76" i="5"/>
  <c r="M84" i="5"/>
  <c r="M83" i="5"/>
  <c r="M79" i="5"/>
  <c r="M77" i="5"/>
  <c r="M75" i="5"/>
  <c r="M73" i="5"/>
  <c r="M74" i="5"/>
  <c r="M71" i="5"/>
  <c r="M72" i="5"/>
  <c r="M70" i="5"/>
  <c r="M68" i="5"/>
  <c r="M66" i="5"/>
  <c r="M64" i="5"/>
  <c r="M62" i="5"/>
  <c r="M60" i="5"/>
  <c r="M58" i="5"/>
  <c r="M67" i="5"/>
  <c r="M59" i="5"/>
  <c r="M57" i="5"/>
  <c r="M55" i="5"/>
  <c r="M53" i="5"/>
  <c r="M51" i="5"/>
  <c r="M65" i="5"/>
  <c r="M82" i="5"/>
  <c r="M63" i="5"/>
  <c r="M56" i="5"/>
  <c r="M54" i="5"/>
  <c r="M50" i="5"/>
  <c r="M48" i="5"/>
  <c r="M46" i="5"/>
  <c r="M44" i="5"/>
  <c r="M42" i="5"/>
  <c r="M40" i="5"/>
  <c r="M38" i="5"/>
  <c r="M36" i="5"/>
  <c r="M69" i="5"/>
  <c r="M52" i="5"/>
  <c r="M61" i="5"/>
  <c r="M49" i="5"/>
  <c r="M47" i="5"/>
  <c r="M45" i="5"/>
  <c r="M43" i="5"/>
  <c r="M41" i="5"/>
  <c r="M39" i="5"/>
  <c r="M37" i="5"/>
  <c r="M35" i="5"/>
  <c r="M33" i="5"/>
  <c r="M31" i="5"/>
  <c r="M29" i="5"/>
  <c r="M27" i="5"/>
  <c r="M25" i="5"/>
  <c r="M23" i="5"/>
  <c r="M21" i="5"/>
  <c r="Q89" i="5"/>
  <c r="Q87" i="5"/>
  <c r="Q85" i="5"/>
  <c r="Q88" i="5"/>
  <c r="Q86" i="5"/>
  <c r="Q84" i="5"/>
  <c r="Q83" i="5"/>
  <c r="Q80" i="5"/>
  <c r="Q78" i="5"/>
  <c r="Q76" i="5"/>
  <c r="Q82" i="5"/>
  <c r="Q81" i="5"/>
  <c r="Q79" i="5"/>
  <c r="Q75" i="5"/>
  <c r="Q73" i="5"/>
  <c r="Q77" i="5"/>
  <c r="Q71" i="5"/>
  <c r="Q74" i="5"/>
  <c r="Q72" i="5"/>
  <c r="Q70" i="5"/>
  <c r="Q68" i="5"/>
  <c r="Q66" i="5"/>
  <c r="Q64" i="5"/>
  <c r="Q62" i="5"/>
  <c r="Q60" i="5"/>
  <c r="Q58" i="5"/>
  <c r="Q69" i="5"/>
  <c r="Q61" i="5"/>
  <c r="Q57" i="5"/>
  <c r="Q55" i="5"/>
  <c r="Q53" i="5"/>
  <c r="Q51" i="5"/>
  <c r="Q67" i="5"/>
  <c r="Q59" i="5"/>
  <c r="Q65" i="5"/>
  <c r="Q56" i="5"/>
  <c r="Q54" i="5"/>
  <c r="Q50" i="5"/>
  <c r="Q48" i="5"/>
  <c r="Q46" i="5"/>
  <c r="Q44" i="5"/>
  <c r="Q42" i="5"/>
  <c r="Q40" i="5"/>
  <c r="Q38" i="5"/>
  <c r="Q36" i="5"/>
  <c r="Q52" i="5"/>
  <c r="Q49" i="5"/>
  <c r="Q47" i="5"/>
  <c r="Q45" i="5"/>
  <c r="Q43" i="5"/>
  <c r="Q41" i="5"/>
  <c r="Q39" i="5"/>
  <c r="Q37" i="5"/>
  <c r="Q35" i="5"/>
  <c r="Q33" i="5"/>
  <c r="Q31" i="5"/>
  <c r="Q29" i="5"/>
  <c r="Q27" i="5"/>
  <c r="Q25" i="5"/>
  <c r="Q23" i="5"/>
  <c r="Q21" i="5"/>
  <c r="U89" i="5"/>
  <c r="U87" i="5"/>
  <c r="U85" i="5"/>
  <c r="U88" i="5"/>
  <c r="U86" i="5"/>
  <c r="U84" i="5"/>
  <c r="U83" i="5"/>
  <c r="U82" i="5"/>
  <c r="U81" i="5"/>
  <c r="U80" i="5"/>
  <c r="U78" i="5"/>
  <c r="U76" i="5"/>
  <c r="U77" i="5"/>
  <c r="U75" i="5"/>
  <c r="U73" i="5"/>
  <c r="U74" i="5"/>
  <c r="U71" i="5"/>
  <c r="U79" i="5"/>
  <c r="U72" i="5"/>
  <c r="U70" i="5"/>
  <c r="U68" i="5"/>
  <c r="U66" i="5"/>
  <c r="U64" i="5"/>
  <c r="U62" i="5"/>
  <c r="U60" i="5"/>
  <c r="U58" i="5"/>
  <c r="U63" i="5"/>
  <c r="U57" i="5"/>
  <c r="U55" i="5"/>
  <c r="U53" i="5"/>
  <c r="U51" i="5"/>
  <c r="U69" i="5"/>
  <c r="U61" i="5"/>
  <c r="U67" i="5"/>
  <c r="U59" i="5"/>
  <c r="U56" i="5"/>
  <c r="U54" i="5"/>
  <c r="U65" i="5"/>
  <c r="U50" i="5"/>
  <c r="U48" i="5"/>
  <c r="U46" i="5"/>
  <c r="U44" i="5"/>
  <c r="U42" i="5"/>
  <c r="U40" i="5"/>
  <c r="U38" i="5"/>
  <c r="U36" i="5"/>
  <c r="U49" i="5"/>
  <c r="U47" i="5"/>
  <c r="U45" i="5"/>
  <c r="U43" i="5"/>
  <c r="U41" i="5"/>
  <c r="U39" i="5"/>
  <c r="U37" i="5"/>
  <c r="U35" i="5"/>
  <c r="U33" i="5"/>
  <c r="U31" i="5"/>
  <c r="U29" i="5"/>
  <c r="U27" i="5"/>
  <c r="U25" i="5"/>
  <c r="U23" i="5"/>
  <c r="U21" i="5"/>
  <c r="Y89" i="5"/>
  <c r="Y87" i="5"/>
  <c r="Y85" i="5"/>
  <c r="Y88" i="5"/>
  <c r="Y86" i="5"/>
  <c r="Y84" i="5"/>
  <c r="Y83" i="5"/>
  <c r="Y80" i="5"/>
  <c r="Y78" i="5"/>
  <c r="Y76" i="5"/>
  <c r="Y82" i="5"/>
  <c r="Y79" i="5"/>
  <c r="Y81" i="5"/>
  <c r="Y77" i="5"/>
  <c r="Y75" i="5"/>
  <c r="Y73" i="5"/>
  <c r="Y71" i="5"/>
  <c r="Y74" i="5"/>
  <c r="Y72" i="5"/>
  <c r="Y70" i="5"/>
  <c r="Y68" i="5"/>
  <c r="Y66" i="5"/>
  <c r="Y64" i="5"/>
  <c r="Y62" i="5"/>
  <c r="Y60" i="5"/>
  <c r="Y58" i="5"/>
  <c r="Y65" i="5"/>
  <c r="Y57" i="5"/>
  <c r="Y55" i="5"/>
  <c r="Y53" i="5"/>
  <c r="Y51" i="5"/>
  <c r="Y63" i="5"/>
  <c r="Y69" i="5"/>
  <c r="Y61" i="5"/>
  <c r="Y56" i="5"/>
  <c r="Y54" i="5"/>
  <c r="Y52" i="5"/>
  <c r="Y50" i="5"/>
  <c r="Y48" i="5"/>
  <c r="Y46" i="5"/>
  <c r="Y44" i="5"/>
  <c r="Y42" i="5"/>
  <c r="Y40" i="5"/>
  <c r="Y38" i="5"/>
  <c r="Y36" i="5"/>
  <c r="Y67" i="5"/>
  <c r="Y59" i="5"/>
  <c r="Y49" i="5"/>
  <c r="Y47" i="5"/>
  <c r="Y45" i="5"/>
  <c r="Y43" i="5"/>
  <c r="Y41" i="5"/>
  <c r="Y39" i="5"/>
  <c r="Y37" i="5"/>
  <c r="Y35" i="5"/>
  <c r="Y33" i="5"/>
  <c r="Y31" i="5"/>
  <c r="Y29" i="5"/>
  <c r="Y27" i="5"/>
  <c r="Y25" i="5"/>
  <c r="Y23" i="5"/>
  <c r="Y21" i="5"/>
  <c r="AC89" i="5"/>
  <c r="AC87" i="5"/>
  <c r="AC85" i="5"/>
  <c r="AC88" i="5"/>
  <c r="AC86" i="5"/>
  <c r="AC80" i="5"/>
  <c r="AC78" i="5"/>
  <c r="AC76" i="5"/>
  <c r="AC83" i="5"/>
  <c r="AC79" i="5"/>
  <c r="AC84" i="5"/>
  <c r="AC82" i="5"/>
  <c r="AC77" i="5"/>
  <c r="AC75" i="5"/>
  <c r="AC73" i="5"/>
  <c r="AC74" i="5"/>
  <c r="AC71" i="5"/>
  <c r="AC81" i="5"/>
  <c r="AC72" i="5"/>
  <c r="AC70" i="5"/>
  <c r="AC68" i="5"/>
  <c r="AC66" i="5"/>
  <c r="AC64" i="5"/>
  <c r="AC62" i="5"/>
  <c r="AC60" i="5"/>
  <c r="AC58" i="5"/>
  <c r="AC67" i="5"/>
  <c r="AC59" i="5"/>
  <c r="AC57" i="5"/>
  <c r="AC55" i="5"/>
  <c r="AC53" i="5"/>
  <c r="AC51" i="5"/>
  <c r="AC65" i="5"/>
  <c r="AC63" i="5"/>
  <c r="AC56" i="5"/>
  <c r="AC54" i="5"/>
  <c r="AC52" i="5"/>
  <c r="AC50" i="5"/>
  <c r="AC48" i="5"/>
  <c r="AC46" i="5"/>
  <c r="AC44" i="5"/>
  <c r="AC42" i="5"/>
  <c r="AC40" i="5"/>
  <c r="AC38" i="5"/>
  <c r="AC36" i="5"/>
  <c r="AC69" i="5"/>
  <c r="AC49" i="5"/>
  <c r="AC47" i="5"/>
  <c r="AC45" i="5"/>
  <c r="AC43" i="5"/>
  <c r="AC41" i="5"/>
  <c r="AC39" i="5"/>
  <c r="AC37" i="5"/>
  <c r="AC35" i="5"/>
  <c r="AC33" i="5"/>
  <c r="AC31" i="5"/>
  <c r="AC29" i="5"/>
  <c r="AC27" i="5"/>
  <c r="AC25" i="5"/>
  <c r="AC23" i="5"/>
  <c r="AC21" i="5"/>
  <c r="AG89" i="5"/>
  <c r="AG87" i="5"/>
  <c r="AG85" i="5"/>
  <c r="AG88" i="5"/>
  <c r="AG86" i="5"/>
  <c r="AG84" i="5"/>
  <c r="AG83" i="5"/>
  <c r="AG80" i="5"/>
  <c r="AG78" i="5"/>
  <c r="AG76" i="5"/>
  <c r="AG82" i="5"/>
  <c r="AG81" i="5"/>
  <c r="AG79" i="5"/>
  <c r="AG75" i="5"/>
  <c r="AG73" i="5"/>
  <c r="AG71" i="5"/>
  <c r="AG77" i="5"/>
  <c r="AG74" i="5"/>
  <c r="AG72" i="5"/>
  <c r="AG70" i="5"/>
  <c r="AG68" i="5"/>
  <c r="AG66" i="5"/>
  <c r="AG64" i="5"/>
  <c r="AG62" i="5"/>
  <c r="AG60" i="5"/>
  <c r="AG58" i="5"/>
  <c r="AG69" i="5"/>
  <c r="AG61" i="5"/>
  <c r="AG57" i="5"/>
  <c r="AG55" i="5"/>
  <c r="AG53" i="5"/>
  <c r="AG51" i="5"/>
  <c r="AG67" i="5"/>
  <c r="AG59" i="5"/>
  <c r="AG65" i="5"/>
  <c r="AG56" i="5"/>
  <c r="AG54" i="5"/>
  <c r="AG52" i="5"/>
  <c r="AG63" i="5"/>
  <c r="AG50" i="5"/>
  <c r="AG48" i="5"/>
  <c r="AG46" i="5"/>
  <c r="AG44" i="5"/>
  <c r="AG42" i="5"/>
  <c r="AG40" i="5"/>
  <c r="AG38" i="5"/>
  <c r="AG36" i="5"/>
  <c r="AG49" i="5"/>
  <c r="AG47" i="5"/>
  <c r="AG45" i="5"/>
  <c r="AG43" i="5"/>
  <c r="AG41" i="5"/>
  <c r="AG39" i="5"/>
  <c r="AG37" i="5"/>
  <c r="AG35" i="5"/>
  <c r="AG33" i="5"/>
  <c r="AG31" i="5"/>
  <c r="AG29" i="5"/>
  <c r="AG27" i="5"/>
  <c r="AG25" i="5"/>
  <c r="AG23" i="5"/>
  <c r="AG21" i="5"/>
  <c r="AK89" i="5"/>
  <c r="AK87" i="5"/>
  <c r="AK85" i="5"/>
  <c r="AK88" i="5"/>
  <c r="AK86" i="5"/>
  <c r="AK84" i="5"/>
  <c r="AK83" i="5"/>
  <c r="AK82" i="5"/>
  <c r="AK81" i="5"/>
  <c r="AK80" i="5"/>
  <c r="AK78" i="5"/>
  <c r="AK76" i="5"/>
  <c r="AK77" i="5"/>
  <c r="AK75" i="5"/>
  <c r="AK73" i="5"/>
  <c r="AK74" i="5"/>
  <c r="AK71" i="5"/>
  <c r="AK79" i="5"/>
  <c r="AK72" i="5"/>
  <c r="AK70" i="5"/>
  <c r="AK68" i="5"/>
  <c r="AK66" i="5"/>
  <c r="AK64" i="5"/>
  <c r="AK62" i="5"/>
  <c r="AK60" i="5"/>
  <c r="AK58" i="5"/>
  <c r="AK63" i="5"/>
  <c r="AK57" i="5"/>
  <c r="AK55" i="5"/>
  <c r="AK53" i="5"/>
  <c r="AK51" i="5"/>
  <c r="AK69" i="5"/>
  <c r="AK61" i="5"/>
  <c r="AK67" i="5"/>
  <c r="AK59" i="5"/>
  <c r="AK56" i="5"/>
  <c r="AK54" i="5"/>
  <c r="AK52" i="5"/>
  <c r="AK50" i="5"/>
  <c r="AK48" i="5"/>
  <c r="AK46" i="5"/>
  <c r="AK44" i="5"/>
  <c r="AK42" i="5"/>
  <c r="AK40" i="5"/>
  <c r="AK38" i="5"/>
  <c r="AK36" i="5"/>
  <c r="AK65" i="5"/>
  <c r="AK49" i="5"/>
  <c r="AK47" i="5"/>
  <c r="AK45" i="5"/>
  <c r="AK43" i="5"/>
  <c r="AK41" i="5"/>
  <c r="AK39" i="5"/>
  <c r="AK37" i="5"/>
  <c r="AK35" i="5"/>
  <c r="AK33" i="5"/>
  <c r="AK31" i="5"/>
  <c r="AK29" i="5"/>
  <c r="AK27" i="5"/>
  <c r="AK25" i="5"/>
  <c r="AK23" i="5"/>
  <c r="AK21" i="5"/>
  <c r="AO89" i="5"/>
  <c r="AO87" i="5"/>
  <c r="AO85" i="5"/>
  <c r="AO88" i="5"/>
  <c r="AO86" i="5"/>
  <c r="AO84" i="5"/>
  <c r="AO83" i="5"/>
  <c r="AO80" i="5"/>
  <c r="AO78" i="5"/>
  <c r="AO76" i="5"/>
  <c r="AO81" i="5"/>
  <c r="AO79" i="5"/>
  <c r="AO77" i="5"/>
  <c r="AO75" i="5"/>
  <c r="AO73" i="5"/>
  <c r="AO72" i="5"/>
  <c r="AO71" i="5"/>
  <c r="AO74" i="5"/>
  <c r="AO70" i="5"/>
  <c r="AO68" i="5"/>
  <c r="AO66" i="5"/>
  <c r="AO64" i="5"/>
  <c r="AO62" i="5"/>
  <c r="AO60" i="5"/>
  <c r="AO58" i="5"/>
  <c r="AO65" i="5"/>
  <c r="AO57" i="5"/>
  <c r="AO55" i="5"/>
  <c r="AO53" i="5"/>
  <c r="AO51" i="5"/>
  <c r="AO82" i="5"/>
  <c r="AO63" i="5"/>
  <c r="AO69" i="5"/>
  <c r="AO61" i="5"/>
  <c r="AO56" i="5"/>
  <c r="AO54" i="5"/>
  <c r="AO52" i="5"/>
  <c r="AO48" i="5"/>
  <c r="AO46" i="5"/>
  <c r="AO44" i="5"/>
  <c r="AO42" i="5"/>
  <c r="AO40" i="5"/>
  <c r="AO38" i="5"/>
  <c r="AO36" i="5"/>
  <c r="AO50" i="5"/>
  <c r="AO67" i="5"/>
  <c r="AO49" i="5"/>
  <c r="AO47" i="5"/>
  <c r="AO45" i="5"/>
  <c r="AO43" i="5"/>
  <c r="AO41" i="5"/>
  <c r="AO39" i="5"/>
  <c r="AO37" i="5"/>
  <c r="AO35" i="5"/>
  <c r="AO33" i="5"/>
  <c r="AO31" i="5"/>
  <c r="AO29" i="5"/>
  <c r="AO27" i="5"/>
  <c r="AO25" i="5"/>
  <c r="AO23" i="5"/>
  <c r="AO21" i="5"/>
  <c r="AS89" i="5"/>
  <c r="AS87" i="5"/>
  <c r="AS85" i="5"/>
  <c r="AS88" i="5"/>
  <c r="AS86" i="5"/>
  <c r="AS84" i="5"/>
  <c r="AS80" i="5"/>
  <c r="AS78" i="5"/>
  <c r="AS76" i="5"/>
  <c r="AS82" i="5"/>
  <c r="AS79" i="5"/>
  <c r="AS83" i="5"/>
  <c r="AS81" i="5"/>
  <c r="AS77" i="5"/>
  <c r="AS75" i="5"/>
  <c r="AS73" i="5"/>
  <c r="AS74" i="5"/>
  <c r="AS71" i="5"/>
  <c r="AS72" i="5"/>
  <c r="AS70" i="5"/>
  <c r="AS68" i="5"/>
  <c r="AS66" i="5"/>
  <c r="AS64" i="5"/>
  <c r="AS62" i="5"/>
  <c r="AS60" i="5"/>
  <c r="AS58" i="5"/>
  <c r="AS67" i="5"/>
  <c r="AS59" i="5"/>
  <c r="AS55" i="5"/>
  <c r="AS53" i="5"/>
  <c r="AS51" i="5"/>
  <c r="AS65" i="5"/>
  <c r="AS57" i="5"/>
  <c r="AS63" i="5"/>
  <c r="AS56" i="5"/>
  <c r="AS54" i="5"/>
  <c r="AS52" i="5"/>
  <c r="AS61" i="5"/>
  <c r="AS48" i="5"/>
  <c r="AS46" i="5"/>
  <c r="AS44" i="5"/>
  <c r="AS42" i="5"/>
  <c r="AS40" i="5"/>
  <c r="AS38" i="5"/>
  <c r="AS36" i="5"/>
  <c r="AS50" i="5"/>
  <c r="AS49" i="5"/>
  <c r="AS47" i="5"/>
  <c r="AS45" i="5"/>
  <c r="AS43" i="5"/>
  <c r="AS41" i="5"/>
  <c r="AS39" i="5"/>
  <c r="AS37" i="5"/>
  <c r="AS35" i="5"/>
  <c r="AS33" i="5"/>
  <c r="AS31" i="5"/>
  <c r="AS29" i="5"/>
  <c r="AS27" i="5"/>
  <c r="AS25" i="5"/>
  <c r="AS23" i="5"/>
  <c r="AS21" i="5"/>
  <c r="U22" i="5"/>
  <c r="AK22" i="5"/>
  <c r="I24" i="5"/>
  <c r="Y24" i="5"/>
  <c r="AO24" i="5"/>
  <c r="M26" i="5"/>
  <c r="AC26" i="5"/>
  <c r="AS26" i="5"/>
  <c r="Q28" i="5"/>
  <c r="AG28" i="5"/>
  <c r="U30" i="5"/>
  <c r="AK30" i="5"/>
  <c r="I32" i="5"/>
  <c r="Y32" i="5"/>
  <c r="AO32" i="5"/>
  <c r="M34" i="5"/>
  <c r="AC34" i="5"/>
  <c r="AS34" i="5"/>
  <c r="AT4" i="4"/>
  <c r="AS4" i="4"/>
  <c r="AR4" i="4"/>
  <c r="AQ4" i="4"/>
  <c r="AP4" i="4"/>
  <c r="AO4" i="4"/>
  <c r="AN4" i="4"/>
  <c r="AM4" i="4"/>
  <c r="AL4" i="4"/>
  <c r="AK4" i="4"/>
  <c r="AJ4" i="4"/>
  <c r="AI4" i="4"/>
  <c r="AH4" i="4"/>
  <c r="AG4" i="4"/>
  <c r="AF4" i="4"/>
  <c r="AE4" i="4"/>
  <c r="AD4" i="4"/>
  <c r="AC4" i="4"/>
  <c r="AB4" i="4"/>
  <c r="AA4" i="4"/>
  <c r="Z4" i="4"/>
  <c r="Y4" i="4"/>
  <c r="X4" i="4"/>
  <c r="W4" i="4"/>
  <c r="V4" i="4"/>
  <c r="U4" i="4"/>
  <c r="T4" i="4"/>
  <c r="S4" i="4"/>
  <c r="R4" i="4"/>
  <c r="Q4" i="4"/>
  <c r="P4" i="4"/>
  <c r="I4" i="4"/>
  <c r="J4" i="4"/>
  <c r="K4" i="4"/>
  <c r="L4" i="4"/>
  <c r="M4" i="4"/>
  <c r="N4" i="4"/>
  <c r="O4" i="4"/>
  <c r="H4" i="4"/>
  <c r="C94" i="14" l="1"/>
  <c r="C95" i="14"/>
  <c r="C96" i="14"/>
  <c r="C97" i="14"/>
  <c r="C98" i="14"/>
  <c r="C99" i="14"/>
  <c r="C100" i="14"/>
  <c r="C101" i="14"/>
  <c r="C102" i="14"/>
  <c r="C93" i="14"/>
  <c r="C14" i="14"/>
  <c r="C15" i="14"/>
  <c r="C16" i="14"/>
  <c r="C17" i="14"/>
  <c r="C19" i="14"/>
  <c r="C20" i="14"/>
  <c r="C21" i="14"/>
  <c r="C22" i="14"/>
  <c r="C24" i="14"/>
  <c r="C25" i="14"/>
  <c r="C26" i="14"/>
  <c r="C27" i="14"/>
  <c r="C28" i="14"/>
  <c r="C29" i="14"/>
  <c r="C30" i="14"/>
  <c r="C31" i="14"/>
  <c r="C32" i="14"/>
  <c r="C33" i="14"/>
  <c r="C34" i="14"/>
  <c r="C35" i="14"/>
  <c r="C37" i="14"/>
  <c r="C38" i="14"/>
  <c r="C39" i="14"/>
  <c r="C40" i="14"/>
  <c r="C41" i="14"/>
  <c r="C42" i="14"/>
  <c r="C44" i="14"/>
  <c r="C45" i="14"/>
  <c r="C46" i="14"/>
  <c r="C47" i="14"/>
  <c r="C49" i="14"/>
  <c r="C50" i="14"/>
  <c r="C51" i="14"/>
  <c r="C52" i="14"/>
  <c r="C53" i="14"/>
  <c r="C55" i="14"/>
  <c r="C56" i="14"/>
  <c r="C57" i="14"/>
  <c r="C58" i="14"/>
  <c r="C60" i="14"/>
  <c r="C61" i="14"/>
  <c r="C62" i="14"/>
  <c r="C64" i="14"/>
  <c r="C65" i="14"/>
  <c r="C66" i="14"/>
  <c r="C67" i="14"/>
  <c r="C69" i="14"/>
  <c r="C70" i="14"/>
  <c r="C71" i="14"/>
  <c r="C72" i="14"/>
  <c r="C74" i="14"/>
  <c r="C75" i="14"/>
  <c r="C76" i="14"/>
  <c r="C78" i="14"/>
  <c r="C79" i="14"/>
  <c r="C81" i="14"/>
  <c r="C82" i="14"/>
  <c r="C83" i="14"/>
  <c r="C84" i="14"/>
  <c r="C86" i="14"/>
  <c r="C88" i="14"/>
  <c r="C90" i="14"/>
  <c r="C91" i="14"/>
  <c r="C3" i="14"/>
  <c r="C4" i="14"/>
  <c r="C5" i="14"/>
  <c r="C6" i="14"/>
  <c r="C7" i="14"/>
  <c r="C8" i="14"/>
  <c r="C9" i="14"/>
  <c r="C10" i="14"/>
  <c r="C11" i="14"/>
  <c r="C12" i="14"/>
  <c r="C13" i="14"/>
  <c r="C2" i="14"/>
</calcChain>
</file>

<file path=xl/sharedStrings.xml><?xml version="1.0" encoding="utf-8"?>
<sst xmlns="http://schemas.openxmlformats.org/spreadsheetml/2006/main" count="2276" uniqueCount="470">
  <si>
    <t>WKŁADKI/PIELUCHY ANATOMICZNE DLA KOBIET</t>
  </si>
  <si>
    <t>Mini</t>
  </si>
  <si>
    <t>Normal</t>
  </si>
  <si>
    <t>Extra</t>
  </si>
  <si>
    <t>Super</t>
  </si>
  <si>
    <t xml:space="preserve"> Plus</t>
  </si>
  <si>
    <t xml:space="preserve"> Extra</t>
  </si>
  <si>
    <t xml:space="preserve"> Super</t>
  </si>
  <si>
    <t xml:space="preserve"> Maxi</t>
  </si>
  <si>
    <t>WKŁADKI ANATOMICZNE DLA MĘŻCZYZN</t>
  </si>
  <si>
    <t>PIELUCHY ANATOMICZNE</t>
  </si>
  <si>
    <t>MAJTKI ELASTYCZNE</t>
  </si>
  <si>
    <t>MAJTKI CHŁONNE</t>
  </si>
  <si>
    <t>PIELUCHOMAJTKI</t>
  </si>
  <si>
    <t>Ultra Mini</t>
  </si>
  <si>
    <t>Mini Plus</t>
  </si>
  <si>
    <t>PIELUCHOMAJTKI O PODWYŻSZONEJ CHŁONNOŚCI</t>
  </si>
  <si>
    <t>PODKŁADY</t>
  </si>
  <si>
    <t>PRZEŚCIERADŁA</t>
  </si>
  <si>
    <t>ŚLINIAKI</t>
  </si>
  <si>
    <t>Meprotec</t>
  </si>
  <si>
    <t>LIBERO</t>
  </si>
  <si>
    <t>PIELUCHY DLA DZIECI</t>
  </si>
  <si>
    <t>TENA Slip Super</t>
  </si>
  <si>
    <t>TENA Flex Super</t>
  </si>
  <si>
    <t>Small</t>
  </si>
  <si>
    <t>Medium</t>
  </si>
  <si>
    <t>Large</t>
  </si>
  <si>
    <t>Extra Large</t>
  </si>
  <si>
    <t>60x60 cm</t>
  </si>
  <si>
    <t>60x90 cm</t>
  </si>
  <si>
    <t>TENA Wash Cream - Krem do mycia</t>
  </si>
  <si>
    <t>1000 ml</t>
  </si>
  <si>
    <t>TENA Wash Mousse - Pianka do mycia</t>
  </si>
  <si>
    <t>400 ml</t>
  </si>
  <si>
    <t>TENA Wet Wipes - Chusteczki oczyszczające</t>
  </si>
  <si>
    <t>TENA Soft Wipes - Chusteczki oczyszczające</t>
  </si>
  <si>
    <t>135 szt.</t>
  </si>
  <si>
    <t>150 ml</t>
  </si>
  <si>
    <t>TENA Skin Lotion - Lotion do ciała</t>
  </si>
  <si>
    <t>500 ml</t>
  </si>
  <si>
    <t>TENA Barrier Cream - Krem ochronny</t>
  </si>
  <si>
    <t>Extra Small</t>
  </si>
  <si>
    <t>100 ml</t>
  </si>
  <si>
    <t>TENA Zinc Cream - Krem łagodzący z cynkiem</t>
  </si>
  <si>
    <t>48 szt.</t>
  </si>
  <si>
    <t>Plus Medium</t>
  </si>
  <si>
    <t>Plus Large</t>
  </si>
  <si>
    <t>TENA Skin Cream - Krem pielęgnacyjny perf.</t>
  </si>
  <si>
    <t>Śliniaki</t>
  </si>
  <si>
    <t>PIELUCHOMAJTKI O NAJWYŻSZEJ CHŁONNOŚCI</t>
  </si>
  <si>
    <t>Super Medium</t>
  </si>
  <si>
    <t>Super Large</t>
  </si>
  <si>
    <t>Maxi</t>
  </si>
  <si>
    <t>Level 2</t>
  </si>
  <si>
    <t>NR ART.</t>
  </si>
  <si>
    <t>Normal Medium</t>
  </si>
  <si>
    <t>Normal Large</t>
  </si>
  <si>
    <t>Mini Wings</t>
  </si>
  <si>
    <t>Mini Plus Wings</t>
  </si>
  <si>
    <t>Level 3</t>
  </si>
  <si>
    <t>Normal Small</t>
  </si>
  <si>
    <t>Normal Extra Large</t>
  </si>
  <si>
    <t>Dry Kids XL (11-25 kg)</t>
  </si>
  <si>
    <t>Dry Kids XL+ (15-30 kg)</t>
  </si>
  <si>
    <t>Dry Kids</t>
  </si>
  <si>
    <t>Level 1</t>
  </si>
  <si>
    <t>Normal OTC Edition M</t>
  </si>
  <si>
    <t>Normal OTC Edition L</t>
  </si>
  <si>
    <t>OTC Edition M</t>
  </si>
  <si>
    <t>OTC Edition L</t>
  </si>
  <si>
    <t>OTC Edition 60x60 cm</t>
  </si>
  <si>
    <t>OTC Edition 60x90 cm</t>
  </si>
  <si>
    <t>Extra Plus</t>
  </si>
  <si>
    <t>175 szt.</t>
  </si>
  <si>
    <t>TENA Wash Glove - Rękawica myjąca</t>
  </si>
  <si>
    <t>Plus Small</t>
  </si>
  <si>
    <t>Plus Extra Large</t>
  </si>
  <si>
    <t>PRODUCT</t>
  </si>
  <si>
    <t>TENA Shower &amp; Shampoo - żel i szampon 2w1</t>
  </si>
  <si>
    <t>Skin Care</t>
  </si>
  <si>
    <r>
      <t>TENA</t>
    </r>
    <r>
      <rPr>
        <i/>
        <sz val="9"/>
        <rFont val="Arial"/>
        <family val="2"/>
        <charset val="238"/>
      </rPr>
      <t xml:space="preserve"> Lady</t>
    </r>
  </si>
  <si>
    <r>
      <t xml:space="preserve">TENA </t>
    </r>
    <r>
      <rPr>
        <i/>
        <sz val="9"/>
        <rFont val="Arial"/>
        <family val="2"/>
        <charset val="238"/>
      </rPr>
      <t>Men</t>
    </r>
  </si>
  <si>
    <r>
      <t xml:space="preserve">TENA </t>
    </r>
    <r>
      <rPr>
        <i/>
        <sz val="9"/>
        <rFont val="Arial"/>
        <family val="2"/>
        <charset val="238"/>
      </rPr>
      <t>Pants</t>
    </r>
  </si>
  <si>
    <r>
      <t xml:space="preserve">TENA </t>
    </r>
    <r>
      <rPr>
        <i/>
        <sz val="9"/>
        <rFont val="Arial"/>
        <family val="2"/>
        <charset val="238"/>
      </rPr>
      <t>Slip</t>
    </r>
    <r>
      <rPr>
        <sz val="9"/>
        <rFont val="Arial"/>
        <family val="2"/>
        <charset val="238"/>
      </rPr>
      <t xml:space="preserve"> Plus</t>
    </r>
  </si>
  <si>
    <r>
      <t xml:space="preserve">TENA </t>
    </r>
    <r>
      <rPr>
        <i/>
        <sz val="9"/>
        <rFont val="Arial"/>
        <family val="2"/>
        <charset val="238"/>
      </rPr>
      <t xml:space="preserve">Flex </t>
    </r>
    <r>
      <rPr>
        <sz val="9"/>
        <rFont val="Arial"/>
        <family val="2"/>
        <charset val="238"/>
      </rPr>
      <t xml:space="preserve"> Plus</t>
    </r>
  </si>
  <si>
    <r>
      <t xml:space="preserve">TENA </t>
    </r>
    <r>
      <rPr>
        <i/>
        <sz val="9"/>
        <rFont val="Arial"/>
        <family val="2"/>
        <charset val="238"/>
      </rPr>
      <t>Slip</t>
    </r>
    <r>
      <rPr>
        <sz val="9"/>
        <rFont val="Arial"/>
        <family val="2"/>
        <charset val="238"/>
      </rPr>
      <t xml:space="preserve"> Super</t>
    </r>
  </si>
  <si>
    <r>
      <t xml:space="preserve">TENA </t>
    </r>
    <r>
      <rPr>
        <i/>
        <sz val="9"/>
        <rFont val="Arial"/>
        <family val="2"/>
        <charset val="238"/>
      </rPr>
      <t>Flex</t>
    </r>
    <r>
      <rPr>
        <sz val="9"/>
        <rFont val="Arial"/>
        <family val="2"/>
        <charset val="238"/>
      </rPr>
      <t xml:space="preserve"> Super</t>
    </r>
  </si>
  <si>
    <r>
      <t xml:space="preserve">TENA </t>
    </r>
    <r>
      <rPr>
        <i/>
        <sz val="9"/>
        <rFont val="Arial"/>
        <family val="2"/>
        <charset val="238"/>
      </rPr>
      <t>Slip</t>
    </r>
    <r>
      <rPr>
        <sz val="9"/>
        <rFont val="Arial"/>
        <family val="2"/>
        <charset val="238"/>
      </rPr>
      <t xml:space="preserve"> Maxi</t>
    </r>
  </si>
  <si>
    <r>
      <t xml:space="preserve">TENA </t>
    </r>
    <r>
      <rPr>
        <i/>
        <sz val="9"/>
        <rFont val="Arial"/>
        <family val="2"/>
        <charset val="238"/>
      </rPr>
      <t>Flex</t>
    </r>
    <r>
      <rPr>
        <sz val="9"/>
        <rFont val="Arial"/>
        <family val="2"/>
        <charset val="238"/>
      </rPr>
      <t xml:space="preserve"> Maxi</t>
    </r>
  </si>
  <si>
    <r>
      <t xml:space="preserve">TENA </t>
    </r>
    <r>
      <rPr>
        <i/>
        <sz val="9"/>
        <rFont val="Arial"/>
        <family val="2"/>
        <charset val="238"/>
      </rPr>
      <t>Comfort</t>
    </r>
  </si>
  <si>
    <r>
      <t>TENA F</t>
    </r>
    <r>
      <rPr>
        <i/>
        <sz val="9"/>
        <rFont val="Arial"/>
        <family val="2"/>
        <charset val="238"/>
      </rPr>
      <t>ix</t>
    </r>
  </si>
  <si>
    <r>
      <t>TENA</t>
    </r>
    <r>
      <rPr>
        <i/>
        <sz val="9"/>
        <rFont val="Arial"/>
        <family val="2"/>
        <charset val="238"/>
      </rPr>
      <t xml:space="preserve"> Bed</t>
    </r>
    <r>
      <rPr>
        <sz val="9"/>
        <rFont val="Arial"/>
        <family val="2"/>
        <charset val="238"/>
      </rPr>
      <t xml:space="preserve"> Normal</t>
    </r>
  </si>
  <si>
    <r>
      <t>TENA</t>
    </r>
    <r>
      <rPr>
        <i/>
        <sz val="9"/>
        <rFont val="Arial"/>
        <family val="2"/>
        <charset val="238"/>
      </rPr>
      <t xml:space="preserve"> Bed</t>
    </r>
    <r>
      <rPr>
        <sz val="9"/>
        <rFont val="Arial"/>
        <family val="2"/>
        <charset val="238"/>
      </rPr>
      <t xml:space="preserve"> Plus</t>
    </r>
  </si>
  <si>
    <t>PIELĘGNACJA</t>
  </si>
  <si>
    <t>Problemy skórne</t>
  </si>
  <si>
    <t>Środki opatrunkowe i higeniczne</t>
  </si>
  <si>
    <t>Pieluchy dla dorosłych</t>
  </si>
  <si>
    <t>Podkłady higieniczne</t>
  </si>
  <si>
    <t>Podpaski, tampony, wkładki</t>
  </si>
  <si>
    <t>Stany zapalne skóry</t>
  </si>
  <si>
    <t>Pielęgnacja</t>
  </si>
  <si>
    <t>Balsamy, mleczka, olejki</t>
  </si>
  <si>
    <t>Preparaty nawilżające</t>
  </si>
  <si>
    <t>Skóra podrażniona</t>
  </si>
  <si>
    <t>Skóra sucha</t>
  </si>
  <si>
    <t>Skóra wrażliwa i alergiczna</t>
  </si>
  <si>
    <t>Szampony</t>
  </si>
  <si>
    <t>Akcesoria</t>
  </si>
  <si>
    <t>Wyprawka do szpitala</t>
  </si>
  <si>
    <t>Wkładki urologiczne</t>
  </si>
  <si>
    <t>Wkładki higieniczne</t>
  </si>
  <si>
    <t>Pieluchomajtki</t>
  </si>
  <si>
    <t>Wkładki anatomiczne</t>
  </si>
  <si>
    <t>Higiena/Artykuły higieniczne</t>
  </si>
  <si>
    <t>Preparaty ochronne</t>
  </si>
  <si>
    <t>Rany, owrzodzenia, odleżyny, podrażnienia</t>
  </si>
  <si>
    <t>Majtki chłonne</t>
  </si>
  <si>
    <t>Sklep rehabilitacyjny</t>
  </si>
  <si>
    <t>Opatrunki</t>
  </si>
  <si>
    <t>Higiena i pielęgnacja chorych</t>
  </si>
  <si>
    <t>Dla pacjenta leżącego</t>
  </si>
  <si>
    <t>Artykuły medyczne i rehabilitacyjne</t>
  </si>
  <si>
    <t>Akcesoria dla osób starszych i niepełnosprawnych</t>
  </si>
  <si>
    <t>Apteczki i materiały opatrunkowe</t>
  </si>
  <si>
    <t>Kosmetyki/ dermokosmetyki</t>
  </si>
  <si>
    <t>Chusteczki/ Mokre chusteczki/ Chusteczki nasączone</t>
  </si>
  <si>
    <t>Ciąża i dziecko/ Mama i dziecko</t>
  </si>
  <si>
    <t>Drogi moczowe/ nietrzymanie moczu</t>
  </si>
  <si>
    <t>Dla niej/ Kobieta</t>
  </si>
  <si>
    <t>Dla niego/ Mężczyzna</t>
  </si>
  <si>
    <t>Podkłady nieprzemakalne/ Prześcieradła</t>
  </si>
  <si>
    <t>Żele, emulsje, płyny, pianki do kąpieli / Do kąpieli i pod prysznic</t>
  </si>
  <si>
    <t>Kremy i maści</t>
  </si>
  <si>
    <t>Majtki i wkładki poporodowe</t>
  </si>
  <si>
    <t>Pieluszki, majteczki, (podkłady)</t>
  </si>
  <si>
    <t>Kosmetyki/ dermo-kosmetyki</t>
  </si>
  <si>
    <t>Higiena/ Artykuły higieniczne</t>
  </si>
  <si>
    <t>Pieluchy anatomiczne</t>
  </si>
  <si>
    <t>(new)</t>
  </si>
  <si>
    <t>Nazwa</t>
  </si>
  <si>
    <t>Jak</t>
  </si>
  <si>
    <t>Przykład</t>
  </si>
  <si>
    <t>DOZ</t>
  </si>
  <si>
    <t>Gemini</t>
  </si>
  <si>
    <t>Cefarm24</t>
  </si>
  <si>
    <t>Opis</t>
  </si>
  <si>
    <t>Typ</t>
  </si>
  <si>
    <t>Typ preparatu</t>
  </si>
  <si>
    <t>Przechowywanie</t>
  </si>
  <si>
    <t>Refundowany</t>
  </si>
  <si>
    <t>Wskazania</t>
  </si>
  <si>
    <t>Sposób użycia wyrobu medycznego</t>
  </si>
  <si>
    <t>Waga</t>
  </si>
  <si>
    <t>Opakowanie/ Pojemność</t>
  </si>
  <si>
    <t>Właściwości</t>
  </si>
  <si>
    <t>Działanie</t>
  </si>
  <si>
    <t>Tak/Nie</t>
  </si>
  <si>
    <t>kg</t>
  </si>
  <si>
    <t>Higiena</t>
  </si>
  <si>
    <t>Kategoria 2</t>
  </si>
  <si>
    <t>Kategoria 3</t>
  </si>
  <si>
    <t>Youtube link</t>
  </si>
  <si>
    <t>Sampling link</t>
  </si>
  <si>
    <t>Cecha</t>
  </si>
  <si>
    <t>Nie</t>
  </si>
  <si>
    <t>Sposób przechowywania, temperatura</t>
  </si>
  <si>
    <t>Temperatura pokojowa</t>
  </si>
  <si>
    <t>0,535 kg</t>
  </si>
  <si>
    <t>Logistyka</t>
  </si>
  <si>
    <t>Kategoria 1</t>
  </si>
  <si>
    <t>Link do YT</t>
  </si>
  <si>
    <t>Link do tena.xx</t>
  </si>
  <si>
    <t>Inne rozmiary</t>
  </si>
  <si>
    <t>Obowiązkowe</t>
  </si>
  <si>
    <t>Tak</t>
  </si>
  <si>
    <t>Tak (z wyjątkiem Skin Care)</t>
  </si>
  <si>
    <t>Kategoryzacja</t>
  </si>
  <si>
    <t>Kategoria (nie uzupełniajcie tego, do przeniesienia z zakładki "Categorization")</t>
  </si>
  <si>
    <t>Tabela rozmiarów</t>
  </si>
  <si>
    <t>x</t>
  </si>
  <si>
    <t>Wyrób medyczny</t>
  </si>
  <si>
    <t>Przykładowe:</t>
  </si>
  <si>
    <t>https://www.doz.pl/apteka/p9994-Seni_Super_pieluchomajtki_large_10_szt</t>
  </si>
  <si>
    <t>https://www.doz.pl/apteka/p48093-Seni_Man_super_wkladki_urologiczne_20_szt</t>
  </si>
  <si>
    <t>http://www.cefarm24.pl/587,pieluchomajtki-super-seni-plus-3-large-air-x-10-szt.html</t>
  </si>
  <si>
    <t>Opisowe</t>
  </si>
  <si>
    <t>PROBLEMOWE</t>
  </si>
  <si>
    <t>nietrzymanie moczu</t>
  </si>
  <si>
    <t>popuszczanie moczu</t>
  </si>
  <si>
    <t>pielęgnacja osób starszych</t>
  </si>
  <si>
    <t>inkontynencja</t>
  </si>
  <si>
    <t>PRODUKTOWE</t>
  </si>
  <si>
    <t>majtki chłonne</t>
  </si>
  <si>
    <t>pampersy (dla dorosłych)</t>
  </si>
  <si>
    <t>pieluchy (dla dorosłych)</t>
  </si>
  <si>
    <t>pieluchomajtki</t>
  </si>
  <si>
    <t>podpaski (do nietrzymania moczu)</t>
  </si>
  <si>
    <t>podpaski</t>
  </si>
  <si>
    <t>wkładki anatomiczne</t>
  </si>
  <si>
    <t>wkładki</t>
  </si>
  <si>
    <t>wkładki do majtek</t>
  </si>
  <si>
    <t>wkładki higieniczne</t>
  </si>
  <si>
    <t>wkładki urologiczne</t>
  </si>
  <si>
    <t>podkłady higieniczne</t>
  </si>
  <si>
    <t>podkłady</t>
  </si>
  <si>
    <t>Podkłady nieprzemakalne</t>
  </si>
  <si>
    <t>prześcieradła</t>
  </si>
  <si>
    <t>pieluchy anatomiczne</t>
  </si>
  <si>
    <t>majtki elastyczne</t>
  </si>
  <si>
    <t>UZUPEŁNIENIA</t>
  </si>
  <si>
    <t>refundacja</t>
  </si>
  <si>
    <t>dla kobiet</t>
  </si>
  <si>
    <t>dla mężczyzn</t>
  </si>
  <si>
    <t>dla dorosłych</t>
  </si>
  <si>
    <t>Rozmiar</t>
  </si>
  <si>
    <t>Rozmiary innych produktów z tej serii</t>
  </si>
  <si>
    <t>Pełna tabela rozmiarów serii</t>
  </si>
  <si>
    <t>Dodatkowe</t>
  </si>
  <si>
    <t>Obrazki</t>
  </si>
  <si>
    <t>Packshot</t>
  </si>
  <si>
    <t>Packshot 1</t>
  </si>
  <si>
    <t>Packshot 2</t>
  </si>
  <si>
    <t>Packshot 3</t>
  </si>
  <si>
    <t>NIe</t>
  </si>
  <si>
    <t>Seni Man super, wkładki urologiczne, 20 szt</t>
  </si>
  <si>
    <t>Komentarz</t>
  </si>
  <si>
    <t>Super Seni, pieluchomajtki.
•Rozmiar: large (3)</t>
  </si>
  <si>
    <t>Działanie
•Fit&amp;Dry – anatomiczny wkład chłonny, skupiony w części centralnej, gdzie najbardziej liczy się suchość.
•Flexi 360° – wygoda i dopasowanie do ciała.
- elastyczny ściągacz taliowy w przedniej i tylnej części pieluchomajtek.
- dwie pary elastycznych przylepcorzepów z możliwością wielokrotnego odklejania i przyklejania bez ryzyka rozerwania warstwy zewnętrznej pieluchy.
•Podwójny wkład chłonny gwarantujący wysoką chłonność i zabezpieczenie przed przeciekaniem.
•Wewnętrzne hydrofobowe osłonki boczne, zapobiegające wyciekom zapewniają większe bezpieczeństwo i pewność przy używaniu wyrobu chłonnego.
•Podwójny indykator wilgotności to precyzyjna informacja o stopniu napełniania pieluchy i konieczności jej zmiany.
Warstwę zewnętrzną Super Seni stanowi specjalny laminat oddychający. Zapewnia on swobodny dostęp powietrza do skóry oraz reguluje temperaturę wewnątrz pieluchy, dzięki czemu zmniejsza się ryzyko powstania odparzeń i odleżyn.</t>
  </si>
  <si>
    <t>Wskazania
Super Seni to pieluchomajtki o najwyższym poziomie chłonności przeznaczone do ciężkiej i bardzo ciężkiej inkontynencji szczególnie dla osób o ograniczonej mobilności.</t>
  </si>
  <si>
    <t>Sposób użycia wyrobu medycznego
Aktywacja pieluchy
Krok 1 – Rozłóż pieluchę, chwyć ją za dwa końce i lekko pociągnij.
Krok 2 – Złóż pieluchę wzdłuż na pół.
Krok 3 - Delikatnie skręć pieluchę najpierw w jedną, a później w drugą stronę.
Zakładanie na stojąco – samodzielnie lub z pomocą opiekuna
Uwagi dla opiekuna:
•możesz włożyć pieluchomajtki od przodu lub od tyłu – aby odciążyć plecy, wybierz sposób, który jest dla Ciebie wygodniejszy w danej sytuacji.
Dopasuj pieluchomajtki z tyłu i z przodu tak, aby dokładnie przylegały do ciała.
•Zwróć uwagę, aby indykator wilgotności znajdował się na przedłużeniu linii kręgosłupa.
•Podopieczny może pomóc w zakładaniu pieluchomajtek przytrzymując je z przodu na podbrzuszu.
Umocuj pieluchomajtki za pomocą elastycznych przylepcorzepów, zaczynając od dolnego zapięcia, które przyczep lekko skośnie do góry
Po umocowaniu dolnych zapięć, umocuj górne przylepcorzepy, dopasowując pieluchomajtki do talii.
Po zapięciu pieluchomajtek upewnij się, czy pielucha dobrze leży i przylega do ciała, czy osłonki nie są zwinięte i czy w żadnym miejscu pielucha nie wpija się w ciało.
Zużyte pieluchomajtki zwiń i wyrzuć do kosza na śmieci. Nie wyrzucaj zużytego wyrobu do toalety!</t>
  </si>
  <si>
    <t>W większości sklepów będzie jedno pole na opis</t>
  </si>
  <si>
    <t>W dodatkowych zakładkach?</t>
  </si>
  <si>
    <t>Słowo kluczowe + Marka + rozmiar + l.sztuk</t>
  </si>
  <si>
    <t>Warto zastanowić się czy brand czy słowo kluczowe pierwsze dla wyników alfabetycznie. Formuła?</t>
  </si>
  <si>
    <t>Słowo kluczowe</t>
  </si>
  <si>
    <t>?</t>
  </si>
  <si>
    <t>l.sztuk w opakowaniu</t>
  </si>
  <si>
    <t>12 sztuk</t>
  </si>
  <si>
    <t>Składowa nazwy</t>
  </si>
  <si>
    <t>Rozmiar produktu + składowa nazwy</t>
  </si>
  <si>
    <t>Nazwa (zawiera markę)</t>
  </si>
  <si>
    <t>TENA Lady</t>
  </si>
  <si>
    <t xml:space="preserve"> sztuk</t>
  </si>
  <si>
    <t>30 sztuk</t>
  </si>
  <si>
    <t>TENA Men</t>
  </si>
  <si>
    <t>TENA Pants</t>
  </si>
  <si>
    <t>TENA Slip Plus</t>
  </si>
  <si>
    <t>TENA Flex Maxi</t>
  </si>
  <si>
    <t>TENA Fix</t>
  </si>
  <si>
    <t>TENA Bed Normal</t>
  </si>
  <si>
    <t>TENA Bed Plus</t>
  </si>
  <si>
    <t>W większości sklepów będzie jedno pole na opis. Właściwości/wskazania to samo?</t>
  </si>
  <si>
    <t xml:space="preserve">http://www.aptekagemini.pl/pieluchomajtki-super-seni-air-small-10-sztuk.html </t>
  </si>
  <si>
    <t>Postać</t>
  </si>
  <si>
    <t>Rodzaj rejstracji</t>
  </si>
  <si>
    <t>Materiały opatrunkowe</t>
  </si>
  <si>
    <t>Przeznaczenie/ Kategoria/ Rodzaj rejestracji</t>
  </si>
  <si>
    <t>DOZ dopuszcza w przyszłości</t>
  </si>
  <si>
    <t>Zobacz, obrazek obok</t>
  </si>
  <si>
    <t>Nazwa pliku JPG (min 500px x 500px)</t>
  </si>
  <si>
    <t>TENA Protective Sheet</t>
  </si>
  <si>
    <t>Extra OTC Edition</t>
  </si>
  <si>
    <t>Maxi Night</t>
  </si>
  <si>
    <t>Level 0</t>
  </si>
  <si>
    <t>210x80 cm</t>
  </si>
  <si>
    <r>
      <t xml:space="preserve">TENA </t>
    </r>
    <r>
      <rPr>
        <i/>
        <sz val="9"/>
        <rFont val="Arial"/>
        <family val="2"/>
        <charset val="238"/>
      </rPr>
      <t>Lady</t>
    </r>
  </si>
  <si>
    <t>TENA Flex  Plus</t>
  </si>
  <si>
    <t>TENA Slip Maxi</t>
  </si>
  <si>
    <t>TENA Comfort</t>
  </si>
  <si>
    <t xml:space="preserve">Ilość szt. w op. </t>
  </si>
  <si>
    <t>Lp</t>
  </si>
  <si>
    <t>Dodatkowe słowa kluczowe</t>
  </si>
  <si>
    <t>Wymiary produktu (cm)</t>
  </si>
  <si>
    <t>Poziom chłonności</t>
  </si>
  <si>
    <t>5,5/8</t>
  </si>
  <si>
    <t>6/8</t>
  </si>
  <si>
    <t>Załącznik - w oddzielnej zakładce</t>
  </si>
  <si>
    <t>Dodatkowe obrazki</t>
  </si>
  <si>
    <t>Nazwa pliku JPG</t>
  </si>
  <si>
    <t>LEGENDA</t>
  </si>
  <si>
    <t>Inne słowa kluczowe, tagi</t>
  </si>
  <si>
    <t>Środek do higieny i pielęgnacji/ Wyrób medyczny</t>
  </si>
  <si>
    <t>Opis innych rozmiarów</t>
  </si>
  <si>
    <t>Wskazania - stopień nietrzymania moczu; grupa docelowa</t>
  </si>
  <si>
    <t>Środek do higieny i pielęgnacji lub Wyrób medyczny lub Kosmetyk</t>
  </si>
  <si>
    <t>Właściwości/ Działanie</t>
  </si>
  <si>
    <t>Opis produktu (powinien zwierać, nazwę, rozmiar, słowa kluczowe)</t>
  </si>
  <si>
    <t>Dodatkowe informacje (skład, kształt, specjalne właściwości etc.)</t>
  </si>
  <si>
    <t>Instrukcja zakładania/korzystania/ nakładania kosmetyku</t>
  </si>
  <si>
    <t>Sposób użycia wyrobu medycznego/ Stosowanie</t>
  </si>
  <si>
    <t>Inne rozmiary/ dostępne opakowania</t>
  </si>
  <si>
    <t xml:space="preserve">produkty chłonne, pieluchomajtki </t>
  </si>
  <si>
    <r>
      <rPr>
        <b/>
        <sz val="10"/>
        <rFont val="Calibri"/>
        <family val="2"/>
        <charset val="238"/>
        <scheme val="minor"/>
      </rPr>
      <t xml:space="preserve">Instrukcja korzystania:  </t>
    </r>
    <r>
      <rPr>
        <sz val="10"/>
        <rFont val="Calibri"/>
        <family val="2"/>
        <charset val="238"/>
        <scheme val="minor"/>
      </rPr>
      <t xml:space="preserve">                              1. Włóż majtki chłonne TENA Pants jak zwykłą bieliznę.                                               </t>
    </r>
    <r>
      <rPr>
        <b/>
        <sz val="10"/>
        <rFont val="Calibri"/>
        <family val="2"/>
        <charset val="238"/>
        <scheme val="minor"/>
      </rPr>
      <t xml:space="preserve">Po wykorzystaniu:  </t>
    </r>
    <r>
      <rPr>
        <sz val="10"/>
        <rFont val="Calibri"/>
        <family val="2"/>
        <charset val="238"/>
        <scheme val="minor"/>
      </rPr>
      <t xml:space="preserve">                                      2. Aby zdjąć, po użyciu rozerwij majtki chłonne wzdłuż szwów bocznych.                3.  Po zdjęciu zroluj majtki chłonne i zaklej rzepem.                                               4. Wyrzuć zrolowane majtki chłonne do kosza na śmieci.</t>
    </r>
  </si>
  <si>
    <t>Normal S</t>
  </si>
  <si>
    <t>Normal M OTC Edition</t>
  </si>
  <si>
    <t>Normal M</t>
  </si>
  <si>
    <t>Normal L OTC Edition</t>
  </si>
  <si>
    <t>Normal L</t>
  </si>
  <si>
    <t>Normal XL</t>
  </si>
  <si>
    <t>Plus S</t>
  </si>
  <si>
    <t>Plus M</t>
  </si>
  <si>
    <t>Plus L</t>
  </si>
  <si>
    <t>Plus XL</t>
  </si>
  <si>
    <t>Super M</t>
  </si>
  <si>
    <t>Super L</t>
  </si>
  <si>
    <t>7/8</t>
  </si>
  <si>
    <t>zakładka - TENA Pants (rozmiary)</t>
  </si>
  <si>
    <t>65-85 cm</t>
  </si>
  <si>
    <t>80-110 cm</t>
  </si>
  <si>
    <t>100-135 cm</t>
  </si>
  <si>
    <t>120-160 cm</t>
  </si>
  <si>
    <t xml:space="preserve">Dla osób chodzących, poruszajacych się choćby po domu, ze średnim lub ciężkim nietrzymaniem moczu (poziom chłonności 5,5/8), o rozmiarze 65-85 cm w pasie. </t>
  </si>
  <si>
    <t>VARIANT</t>
  </si>
  <si>
    <t>PCS/CON</t>
  </si>
  <si>
    <t>NO.</t>
  </si>
  <si>
    <t>NO</t>
  </si>
  <si>
    <t xml:space="preserve">Drogi moczowe/ nietrzymanie moczu/ Pieluchomajtki/ </t>
  </si>
  <si>
    <t xml:space="preserve">Drogi moczowe/ nietrzymanie moczu/ Pieluchy dla dorosłych/ </t>
  </si>
  <si>
    <t xml:space="preserve">Drogi moczowe/ nietrzymanie moczu/ Majtki chłonne/ </t>
  </si>
  <si>
    <t xml:space="preserve">Środki opatrunkowe i higeniczne/ Pieluchy dla dorosłych/ </t>
  </si>
  <si>
    <t xml:space="preserve">Ciąża i dziecko/ Mama i dziecko/ Majtki i wkładki poporodowe/ </t>
  </si>
  <si>
    <t xml:space="preserve">Sklep rehabilitacyjny/ Higiena i pielęgnacja chorych/ </t>
  </si>
  <si>
    <t xml:space="preserve">Sklep rehabilitacyjny/ Artykuły medyczne i rehabilitacyjne/ </t>
  </si>
  <si>
    <t xml:space="preserve">Sklep rehabilitacyjny/ Akcesoria dla osób starszych i niepełnosprawnych/ </t>
  </si>
  <si>
    <t>Kategoria 4</t>
  </si>
  <si>
    <t>Kategoria 5</t>
  </si>
  <si>
    <t>Kategoria 6</t>
  </si>
  <si>
    <t>Kategoria 7</t>
  </si>
  <si>
    <t>Kategoria 8</t>
  </si>
  <si>
    <t>Kategoria 9</t>
  </si>
  <si>
    <t>Kategoria 10</t>
  </si>
  <si>
    <t>Kategoria 11</t>
  </si>
  <si>
    <t>Produkty podobne/polecane</t>
  </si>
  <si>
    <t>Produkt komplementarny 1</t>
  </si>
  <si>
    <t>Produkt komplementarny 2</t>
  </si>
  <si>
    <t>Produkt komplementarny 3</t>
  </si>
  <si>
    <t>Produkt komplementarny 4</t>
  </si>
  <si>
    <t>Produkt komplementarny 5</t>
  </si>
  <si>
    <t>Produkt komplementarny 6</t>
  </si>
  <si>
    <t>Produkt komplementarny 7</t>
  </si>
  <si>
    <t>Produkt komplementarny 8</t>
  </si>
  <si>
    <t>Produkt komplementarny 9</t>
  </si>
  <si>
    <t>Produkt komplementarny 10</t>
  </si>
  <si>
    <t>Produkt komplementarny 11</t>
  </si>
  <si>
    <t>Produkt komplementarny 12</t>
  </si>
  <si>
    <t>Produkt komplementarny 13</t>
  </si>
  <si>
    <t>Produkt komplementarny 14</t>
  </si>
  <si>
    <t>Produkt komplementarny 15</t>
  </si>
  <si>
    <t>Produkt komplementarny 16</t>
  </si>
  <si>
    <t>Produkt komplementarny 17</t>
  </si>
  <si>
    <t>Produkt komplementarny 18</t>
  </si>
  <si>
    <t>Produkt komplementarny 19</t>
  </si>
  <si>
    <t>Produkt komplementarny 20</t>
  </si>
  <si>
    <t>Produkt komplementarny 21</t>
  </si>
  <si>
    <t>Produkt komplementarny 22</t>
  </si>
  <si>
    <t>Produkt komplementarny 23</t>
  </si>
  <si>
    <t>Produkt komplementarny 24</t>
  </si>
  <si>
    <t>Produkt komplementarny 25</t>
  </si>
  <si>
    <t>Produkt komplementarny 26</t>
  </si>
  <si>
    <t>Produkt komplementarny 27</t>
  </si>
  <si>
    <t>Produkt komplementarny 28</t>
  </si>
  <si>
    <t>Produkt komplementarny 29</t>
  </si>
  <si>
    <t>Produkt komplementarny 30</t>
  </si>
  <si>
    <t>EAN</t>
  </si>
  <si>
    <t>BLOZ</t>
  </si>
  <si>
    <t>skłądowa nazwy (l.sztuk/pojemnośc ml)</t>
  </si>
  <si>
    <t>Produkt komplementarny 31</t>
  </si>
  <si>
    <t>Produkt komplementarny 32</t>
  </si>
  <si>
    <t>Produkt komplementarny 33</t>
  </si>
  <si>
    <t>Produkt komplementarny 34</t>
  </si>
  <si>
    <t>Produkt komplementarny 35</t>
  </si>
  <si>
    <t>Produkt komplementarny 36</t>
  </si>
  <si>
    <t>Produkt komplementarny 37</t>
  </si>
  <si>
    <t>Produkt podobny, polecany lub uzupełniający</t>
  </si>
  <si>
    <t>Sugerowana kategoryzacja</t>
  </si>
  <si>
    <t>Wysokość opakowania</t>
  </si>
  <si>
    <t>Szerokość opakowania</t>
  </si>
  <si>
    <t>Długość opakowaania</t>
  </si>
  <si>
    <t>215 mm</t>
  </si>
  <si>
    <t>190 mm</t>
  </si>
  <si>
    <t>380 mm</t>
  </si>
  <si>
    <t>430 mm</t>
  </si>
  <si>
    <t>145 mm</t>
  </si>
  <si>
    <t>170 mm</t>
  </si>
  <si>
    <t>260 mm</t>
  </si>
  <si>
    <t>w kg</t>
  </si>
  <si>
    <t>w mm</t>
  </si>
  <si>
    <t>TENA_Bed_Plus_OTC_Edition_60x60_cm_5_pcs_770054</t>
  </si>
  <si>
    <t>TENA_Bed_Plus_OTC_Edition_60x90_cm_5_pcs_770055</t>
  </si>
  <si>
    <t>TENA_Wash_Cream_1000_ml_4250</t>
  </si>
  <si>
    <t>TENA_Wash_Mousse_400_ml_4248</t>
  </si>
  <si>
    <t>TENA_Wet_Wipes_48_pcs_6479</t>
  </si>
  <si>
    <t>TENA_Soft_Wipes_135_pcs_740710</t>
  </si>
  <si>
    <t>TENA_Wash_Glove_175_pcs_740500</t>
  </si>
  <si>
    <t>TENA_Skin_Cream_150_ml_4235</t>
  </si>
  <si>
    <t>TENA_Skin_Lotion_500_ml_1146</t>
  </si>
  <si>
    <t>TENA_Barrier_Cream_150_ml_4657</t>
  </si>
  <si>
    <t>TENA_Zinc_Cream_100_ml_4223</t>
  </si>
  <si>
    <t>TENA_Shower_&amp;_Shampoo_500_ml_1208</t>
  </si>
  <si>
    <t>TENA_Pants_Normal_OTC_Edition_M_80-110_cm_10_pcs_791510</t>
  </si>
  <si>
    <t>TENA_Pants_Normal_M_80-110_cm_30_pcs_791530</t>
  </si>
  <si>
    <t>TENA_Pants_Plus_S_65-85_cm_14_pcs_792414</t>
  </si>
  <si>
    <t>TENA_Pants_Plus_M_80-110_cm_10_pcs_792510</t>
  </si>
  <si>
    <t>TENA_Pants_Super_M_80-110_cm_12_pcs_793512</t>
  </si>
  <si>
    <t>Nazwa pliku JPG w folderze TENA_packshots_1</t>
  </si>
  <si>
    <t>Nazwa pliku JPG w folderze TENA_packshots_2</t>
  </si>
  <si>
    <t>Nazwa pliku JPG w folderze TENA_dodatkowe</t>
  </si>
  <si>
    <t>NAZWA EN (bez spacji)</t>
  </si>
  <si>
    <t>OPIS/ WŁAŚCIWOŚCI</t>
  </si>
  <si>
    <t>Nazwa produktu</t>
  </si>
  <si>
    <t>Słowo kluczowe + Marka + Rozmiar + l.sztuk</t>
  </si>
  <si>
    <t>TENA Pants to majtki chłonne, które, w przypadku wycieku moczu, chłoną mocz do wnętrza wkładu chłonnego oraz utrzymują go w jego wnętrzu dzięki specjalnemu superabsorbentowi. Jednoczesnie zabezpieczają przed wydostaniem się nieprzyjemnego zapachu na zewnątrz. Specjalny projekt SmartDesign sprawia, że majtki chłonne TENA Pants Normal nie odznaczają się pod ubraniem,  zapewniając pełen  komfort i dyskrecję w trakcie chodzenia.                                                          • Błyskawiczna suchość dzięki systemowi FeelDry                                         • ochrona przed nieprzyjemnym zapachem dzięki systemowi Odour Neutralizer
• zakładane jak zwykła bielizna
• specjalny projekt SmartDesign dla dyskrecji i komfortu
• oddychający materiał dla ochrony skóry</t>
  </si>
  <si>
    <t>Plus M OTC Edition</t>
  </si>
  <si>
    <t>Plus L OTC Edition</t>
  </si>
  <si>
    <t>Zdjęcia</t>
  </si>
  <si>
    <t>Opakowanie</t>
  </si>
  <si>
    <t>Produkt</t>
  </si>
  <si>
    <t xml:space="preserve">TENA </t>
  </si>
  <si>
    <t>TENA Lady Pants</t>
  </si>
  <si>
    <t>TENA Men Pants</t>
  </si>
  <si>
    <t>75-105 cm</t>
  </si>
  <si>
    <t>95-130 cm</t>
  </si>
  <si>
    <t xml:space="preserve">Plus M </t>
  </si>
  <si>
    <t xml:space="preserve">Plus L </t>
  </si>
  <si>
    <t>Plus Medium OTC Edition</t>
  </si>
  <si>
    <t xml:space="preserve">Plus Medium </t>
  </si>
  <si>
    <t>Plus Large OTC Edition</t>
  </si>
  <si>
    <t xml:space="preserve">Plus Large </t>
  </si>
  <si>
    <t>TENA_Lady_Pants_Plus_M_75-105_cm_30_pcs_782511</t>
  </si>
  <si>
    <t>TENA_Lady_Pants_Plus_OTC_Edition_M_75-105_cm_8_pcs_782510</t>
  </si>
  <si>
    <t>TENA_Lady_Pants_Plus_OTC_Edition_L_95-130_cm_8_pcs_782609</t>
  </si>
  <si>
    <t>TENA_Lady_Pants_Plus_L_95-130_cm_30_pcs_782611</t>
  </si>
  <si>
    <t>TENA_Men_Pants_Plus_OTC_Edition_M_75-105_cm_8_pcs_772513</t>
  </si>
  <si>
    <t>TENA_Men_Pants_Plus_M_75-105_cm_30_pcs_772514</t>
  </si>
  <si>
    <t>TENA_Men_Pants_Plus_OTC_Edition_L_95-130_cm_8_pcs_772609</t>
  </si>
  <si>
    <t>TENA_Men_Pants_Plus_L_95-130_cm_30_pcs_772612</t>
  </si>
  <si>
    <t>TENA Lady Pants Plus M (75-105 cm), bielizna chłonna, 30sztuk</t>
  </si>
  <si>
    <t>TENA Lady Pants Plus OTC Edition L (95-130 cm), bielizna chłonna, 8 sztuk</t>
  </si>
  <si>
    <t>TENA Lady Pants Plus OTC Edition M (75-105 cm), bielizna chłonna, 9 sztuk</t>
  </si>
  <si>
    <t>TENA Lady Pants Plus L (95-130 cm), bielizna chłonna, 30 sztuk</t>
  </si>
  <si>
    <t>TENA Men Pants Plus OTC Edition M (75-105 cm), bielizna chłonna, 9 sztuk</t>
  </si>
  <si>
    <t>TENA Men Pants Plus M (75-105 cm), bielizna chłonna, 30sztuk</t>
  </si>
  <si>
    <t>TENA Men Pants Plus OTC Edition L (95-130 cm), bielizna chłonna, 8 sztuk</t>
  </si>
  <si>
    <t>TENA Men Pants Plus L (95-130 cm), bielizna chłonna, 30 sztuk</t>
  </si>
  <si>
    <t xml:space="preserve">produkty chłonne, majtki chłonne, pieluchomajtki </t>
  </si>
  <si>
    <r>
      <rPr>
        <b/>
        <sz val="10"/>
        <rFont val="Calibri"/>
        <family val="2"/>
        <charset val="238"/>
        <scheme val="minor"/>
      </rPr>
      <t xml:space="preserve">Instrukcja korzystania:  </t>
    </r>
    <r>
      <rPr>
        <sz val="10"/>
        <rFont val="Calibri"/>
        <family val="2"/>
        <charset val="238"/>
        <scheme val="minor"/>
      </rPr>
      <t xml:space="preserve">                              1. Włóż bieliznę chłonną TENA Lady Pants jak zwykłą bieliznę.                                               </t>
    </r>
    <r>
      <rPr>
        <b/>
        <sz val="10"/>
        <rFont val="Calibri"/>
        <family val="2"/>
        <charset val="238"/>
        <scheme val="minor"/>
      </rPr>
      <t xml:space="preserve">Po wykorzystaniu:  </t>
    </r>
    <r>
      <rPr>
        <sz val="10"/>
        <rFont val="Calibri"/>
        <family val="2"/>
        <charset val="238"/>
        <scheme val="minor"/>
      </rPr>
      <t xml:space="preserve">                                      2. Aby zdjąć, po użyciu rozerwij majtki chłonne wzdłuż szwów bocznych.                3.  Po zdjęciu wyrzuć produkt do kosza na śmieci.</t>
    </r>
  </si>
  <si>
    <t>TENA Lady Pants M to pierwsza w Polsce bielizna chłonna zaprojektowana dla kobiet. Bielizna chłonna zalecana jest do codziennego stosowania w średnim i ciężkim nietrzymaniu moczu (poziom chłonności 5,5/8). TENA Lady Pants M przeznaczone są dla osób chodzących, poruszających się choćby po domu, o rozmiarze 75-105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ją do ciała, dzięki czemu nie odznaczają się pod ubraniem. Bielizna chłonna i majtki chłonne TENA dostępne są w różnych rozmiarach i poziomach chłonności, również w refundacji.</t>
  </si>
  <si>
    <t>TENA Men Pants M to pierwsza w Polsce bielizna chłonna zaprojektowana dla mężczyzn. Bielizna chłonna zalecana jest do codziennego stosowania w średnim i ciężkim nietrzymaniu moczu (poziom chłonności 5,5/8). TENA Men Pants M przeznaczone są dla osób chodzących, poruszających się choćby po domu, o rozmiarze 75-105 cm w pasie. Bielizna chłonna TENA Men Pants zapewnia unikalną ochronę dzięki wkładowi chłonnemu dopasowanemu do kształtu męskiego ciała, pełną dyskrecję dzięki męskiemu kolorowi i kontroli nieprzyjemnego zapachu oraz wysoki komfort dzięki bardzo miękkiemu i w pełni oddychającemu materiałowi. TENA Men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Lady Pants M to pierwsza w Polsce bielizna chłonna zaprojektowana dla kobiet. Bielizna chłonna zalecana jest do codziennego stosowania w średnim i ciężkim nietrzymaniu moczu (poziom chłonności 5,5/8). TENA Lady Pants M przeznaczone są dla osób chodzących, poruszających się choćby po domu, o rozmiarze 75-105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Lady Pants L to pierwsza w Polsce bielizna chłonna zaprojektowana dla kobiet. Bielizna chłonna zalecana jest do codziennego stosowania w średnim i ciężkim nietrzymaniu moczu (poziom chłonności 5,5/8). TENA Lady Pants L przeznaczone są dla osób chodzących, poruszających się choćby po domu, o rozmiarze 95-130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Men Pants L to pierwsza w Polsce bielizna chłonna zaprojektowana dla mężczyzn. Bielizna chłonna zalecana jest do codziennego stosowania w średnim i ciężkim nietrzymaniu moczu (poziom chłonności 5,5/8). TENA Men Pants L przeznaczone są dla osób chodzących, poruszających się choćby po domu, o rozmiarze 95-130 cm w pasie. Bielizna chłonna TENA Men Pants zapewnia unikalną ochronę dzięki wkładowi chłonnemu dopasowanemu do kształtu męskiego ciała, pełną dyskrecję dzięki męskiemu kolorowi i kontroli nieprzyjemnego zapachu oraz wysoki komfort dzięki bardzo miękkiemu i w pełni oddychającemu materiałowi. TENA Men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 xml:space="preserve">Bielizna chłonna TENA Lady Pants dostępna jest również w rozmiarze L oraz w wariantach majtek chłonnych TENA Pants Normal, TENA Pants Plus i TENA Pants Super.      
 Aby dobrać odpowiedni produkt spójrz na tabelę rozmiarów i chłonności. </t>
  </si>
  <si>
    <t xml:space="preserve">Bielizna chłonna TENA Lady Pants dostępna jest również w rozmiarze M oraz w wariantach majtek chłonnych TENA Pants Normal, TENA Pants Plus i TENA Pants Super.      
 Aby dobrać odpowiedni produkt spójrz na tabelę rozmiarów i chłonności. </t>
  </si>
  <si>
    <t xml:space="preserve">Bielizna chłonna TENA Men Pants dostępna jest również w rozmiarze L oraz w wariantach majtek chłonnych TENA Pants Normal, TENA Pants Plus i TENA Pants Super.      
 Aby dobrać odpowiedni produkt spójrz na tabelę rozmiarów i chłonności. </t>
  </si>
  <si>
    <t xml:space="preserve">Bielizna chłonna TENA Men Pants dostępna jest również w rozmiarze M oraz w wariantach majtek chłonnych TENA Pants Normal, TENA Pants Plus i TENA Pants Super.      
 Aby dobrać odpowiedni produkt spójrz na tabelę rozmiarów i chłonności. </t>
  </si>
  <si>
    <t>9 sztuk</t>
  </si>
  <si>
    <t>8 sztuk</t>
  </si>
  <si>
    <t>0,505 kg</t>
  </si>
  <si>
    <t>1,975 kg</t>
  </si>
  <si>
    <t>165 mm</t>
  </si>
  <si>
    <t>0,597 kg</t>
  </si>
  <si>
    <t>2,160 kg</t>
  </si>
  <si>
    <t>150 mm</t>
  </si>
  <si>
    <t>0,611 kg</t>
  </si>
  <si>
    <t>2,01 kg</t>
  </si>
  <si>
    <t>0,604 kg</t>
  </si>
  <si>
    <t>2,205 kg</t>
  </si>
  <si>
    <t>TENA_Lady_Pants_product</t>
  </si>
  <si>
    <t>TENA_Men_Pants_produc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44" formatCode="_-* #,##0.00\ &quot;zł&quot;_-;\-* #,##0.00\ &quot;zł&quot;_-;_-* &quot;-&quot;??\ &quot;zł&quot;_-;_-@_-"/>
    <numFmt numFmtId="43" formatCode="_-* #,##0.00\ _z_ł_-;\-* #,##0.00\ _z_ł_-;_-* &quot;-&quot;??\ _z_ł_-;_-@_-"/>
  </numFmts>
  <fonts count="48">
    <font>
      <sz val="10"/>
      <name val="Arial"/>
      <charset val="238"/>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0"/>
      <name val="Arial"/>
      <family val="2"/>
      <charset val="238"/>
    </font>
    <font>
      <sz val="8"/>
      <name val="Arial"/>
      <family val="2"/>
      <charset val="238"/>
    </font>
    <font>
      <b/>
      <sz val="8"/>
      <name val="Arial"/>
      <family val="2"/>
      <charset val="238"/>
    </font>
    <font>
      <b/>
      <sz val="10"/>
      <name val="Arial"/>
      <family val="2"/>
      <charset val="238"/>
    </font>
    <font>
      <sz val="9"/>
      <name val="Arial"/>
      <family val="2"/>
      <charset val="238"/>
    </font>
    <font>
      <b/>
      <sz val="9"/>
      <name val="Arial"/>
      <family val="2"/>
      <charset val="238"/>
    </font>
    <font>
      <i/>
      <sz val="9"/>
      <name val="Arial"/>
      <family val="2"/>
      <charset val="238"/>
    </font>
    <font>
      <sz val="11"/>
      <name val="Calibri"/>
      <family val="2"/>
      <charset val="238"/>
      <scheme val="minor"/>
    </font>
    <font>
      <u/>
      <sz val="10"/>
      <color theme="10"/>
      <name val="Arial"/>
      <family val="2"/>
      <charset val="238"/>
    </font>
    <font>
      <sz val="12"/>
      <name val="Calibri"/>
      <family val="1"/>
      <scheme val="minor"/>
    </font>
    <font>
      <sz val="12"/>
      <color rgb="FF00B050"/>
      <name val="Calibri"/>
      <family val="1"/>
      <scheme val="minor"/>
    </font>
    <font>
      <sz val="12"/>
      <color rgb="FFFF0000"/>
      <name val="Calibri"/>
      <family val="1"/>
      <scheme val="minor"/>
    </font>
    <font>
      <b/>
      <sz val="11"/>
      <name val="Calibri"/>
      <family val="2"/>
      <charset val="238"/>
      <scheme val="minor"/>
    </font>
    <font>
      <u/>
      <sz val="11"/>
      <color theme="10"/>
      <name val="Calibri"/>
      <family val="2"/>
      <charset val="238"/>
      <scheme val="minor"/>
    </font>
    <font>
      <b/>
      <sz val="10"/>
      <name val="Calibri"/>
      <family val="2"/>
      <charset val="238"/>
      <scheme val="minor"/>
    </font>
    <font>
      <sz val="10"/>
      <name val="Calibri"/>
      <family val="2"/>
      <charset val="238"/>
      <scheme val="minor"/>
    </font>
    <font>
      <sz val="10"/>
      <color theme="1"/>
      <name val="Calibri"/>
      <family val="2"/>
      <charset val="238"/>
      <scheme val="minor"/>
    </font>
    <font>
      <b/>
      <sz val="11"/>
      <color theme="0"/>
      <name val="Calibri"/>
      <family val="2"/>
      <charset val="238"/>
      <scheme val="minor"/>
    </font>
    <font>
      <b/>
      <sz val="11"/>
      <color theme="1"/>
      <name val="Calibri"/>
      <family val="2"/>
      <charset val="238"/>
      <scheme val="minor"/>
    </font>
    <font>
      <i/>
      <sz val="11"/>
      <color theme="1"/>
      <name val="Calibri"/>
      <family val="2"/>
      <charset val="238"/>
      <scheme val="minor"/>
    </font>
    <font>
      <sz val="10"/>
      <color rgb="FFFF0000"/>
      <name val="Calibri"/>
      <family val="2"/>
      <charset val="238"/>
      <scheme val="minor"/>
    </font>
    <font>
      <sz val="10"/>
      <name val="Calibri"/>
      <family val="2"/>
      <charset val="238"/>
    </font>
    <font>
      <sz val="10"/>
      <name val="Calibri"/>
      <family val="2"/>
      <charset val="238"/>
      <scheme val="minor"/>
    </font>
    <font>
      <b/>
      <sz val="11"/>
      <color theme="3"/>
      <name val="Calibri"/>
      <family val="2"/>
      <charset val="238"/>
      <scheme val="minor"/>
    </font>
    <font>
      <b/>
      <sz val="11"/>
      <color theme="5"/>
      <name val="Calibri"/>
      <family val="2"/>
      <charset val="238"/>
      <scheme val="minor"/>
    </font>
    <font>
      <sz val="11"/>
      <color theme="5"/>
      <name val="Calibri"/>
      <family val="2"/>
      <charset val="238"/>
      <scheme val="minor"/>
    </font>
    <font>
      <sz val="10"/>
      <name val="Arial"/>
      <family val="2"/>
      <charset val="238"/>
    </font>
    <font>
      <b/>
      <sz val="18"/>
      <color theme="3"/>
      <name val="Cambria"/>
      <family val="2"/>
      <charset val="238"/>
      <scheme val="major"/>
    </font>
    <font>
      <b/>
      <sz val="15"/>
      <color theme="3"/>
      <name val="Calibri"/>
      <family val="2"/>
      <charset val="238"/>
      <scheme val="minor"/>
    </font>
    <font>
      <b/>
      <sz val="13"/>
      <color theme="3"/>
      <name val="Calibri"/>
      <family val="2"/>
      <charset val="238"/>
      <scheme val="minor"/>
    </font>
    <font>
      <sz val="11"/>
      <color rgb="FF006100"/>
      <name val="Calibri"/>
      <family val="2"/>
      <charset val="238"/>
      <scheme val="minor"/>
    </font>
    <font>
      <sz val="11"/>
      <color rgb="FF9C0006"/>
      <name val="Calibri"/>
      <family val="2"/>
      <charset val="238"/>
      <scheme val="minor"/>
    </font>
    <font>
      <sz val="11"/>
      <color rgb="FF9C6500"/>
      <name val="Calibri"/>
      <family val="2"/>
      <charset val="238"/>
      <scheme val="minor"/>
    </font>
    <font>
      <sz val="11"/>
      <color rgb="FF3F3F76"/>
      <name val="Calibri"/>
      <family val="2"/>
      <charset val="238"/>
      <scheme val="minor"/>
    </font>
    <font>
      <b/>
      <sz val="11"/>
      <color rgb="FF3F3F3F"/>
      <name val="Calibri"/>
      <family val="2"/>
      <charset val="238"/>
      <scheme val="minor"/>
    </font>
    <font>
      <b/>
      <sz val="11"/>
      <color rgb="FFFA7D00"/>
      <name val="Calibri"/>
      <family val="2"/>
      <charset val="238"/>
      <scheme val="minor"/>
    </font>
    <font>
      <sz val="11"/>
      <color rgb="FFFA7D00"/>
      <name val="Calibri"/>
      <family val="2"/>
      <charset val="238"/>
      <scheme val="minor"/>
    </font>
    <font>
      <sz val="11"/>
      <color rgb="FFFF0000"/>
      <name val="Calibri"/>
      <family val="2"/>
      <charset val="238"/>
      <scheme val="minor"/>
    </font>
    <font>
      <i/>
      <sz val="11"/>
      <color rgb="FF7F7F7F"/>
      <name val="Calibri"/>
      <family val="2"/>
      <charset val="238"/>
      <scheme val="minor"/>
    </font>
    <font>
      <sz val="11"/>
      <color theme="0"/>
      <name val="Calibri"/>
      <family val="2"/>
      <charset val="238"/>
      <scheme val="minor"/>
    </font>
    <font>
      <sz val="11"/>
      <color theme="1"/>
      <name val="Calibri"/>
      <family val="2"/>
      <scheme val="minor"/>
    </font>
  </fonts>
  <fills count="48">
    <fill>
      <patternFill patternType="none"/>
    </fill>
    <fill>
      <patternFill patternType="gray125"/>
    </fill>
    <fill>
      <patternFill patternType="solid">
        <fgColor theme="7" tint="0.79998168889431442"/>
        <bgColor indexed="64"/>
      </patternFill>
    </fill>
    <fill>
      <patternFill patternType="solid">
        <fgColor theme="3" tint="0.749992370372631"/>
        <bgColor indexed="64"/>
      </patternFill>
    </fill>
    <fill>
      <patternFill patternType="solid">
        <fgColor theme="5" tint="0.59999389629810485"/>
        <bgColor indexed="64"/>
      </patternFill>
    </fill>
    <fill>
      <patternFill patternType="solid">
        <fgColor theme="6" tint="0.59999389629810485"/>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2"/>
        <bgColor indexed="64"/>
      </patternFill>
    </fill>
    <fill>
      <patternFill patternType="solid">
        <fgColor theme="0" tint="-4.9989318521683403E-2"/>
        <bgColor indexed="64"/>
      </patternFill>
    </fill>
    <fill>
      <patternFill patternType="solid">
        <fgColor theme="5"/>
        <bgColor theme="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0" tint="-0.14999847407452621"/>
        <bgColor indexed="64"/>
      </patternFill>
    </fill>
    <fill>
      <patternFill patternType="solid">
        <fgColor theme="4" tint="0.89999084444715716"/>
        <bgColor indexed="64"/>
      </patternFill>
    </fill>
    <fill>
      <patternFill patternType="solid">
        <fgColor theme="3" tint="0.89999084444715716"/>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9" tint="0.79998168889431442"/>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39997558519241921"/>
        <bgColor indexed="65"/>
      </patternFill>
    </fill>
  </fills>
  <borders count="21">
    <border>
      <left/>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hair">
        <color indexed="64"/>
      </left>
      <right style="hair">
        <color indexed="64"/>
      </right>
      <top/>
      <bottom/>
      <diagonal/>
    </border>
    <border>
      <left style="thin">
        <color theme="5"/>
      </left>
      <right/>
      <top style="thin">
        <color theme="5"/>
      </top>
      <bottom/>
      <diagonal/>
    </border>
    <border>
      <left/>
      <right/>
      <top style="thin">
        <color theme="5"/>
      </top>
      <bottom/>
      <diagonal/>
    </border>
    <border>
      <left style="thin">
        <color theme="5"/>
      </left>
      <right/>
      <top style="thin">
        <color theme="5"/>
      </top>
      <bottom style="thin">
        <color theme="5"/>
      </bottom>
      <diagonal/>
    </border>
    <border>
      <left/>
      <right/>
      <top style="thin">
        <color theme="5"/>
      </top>
      <bottom style="thin">
        <color theme="5"/>
      </bottom>
      <diagonal/>
    </border>
    <border>
      <left/>
      <right style="thin">
        <color theme="5"/>
      </right>
      <top style="thin">
        <color theme="5"/>
      </top>
      <bottom/>
      <diagonal/>
    </border>
    <border>
      <left/>
      <right style="thin">
        <color theme="5"/>
      </right>
      <top style="thin">
        <color theme="5"/>
      </top>
      <bottom style="thin">
        <color theme="5"/>
      </bottom>
      <diagonal/>
    </border>
    <border>
      <left style="thin">
        <color indexed="64"/>
      </left>
      <right style="thin">
        <color indexed="64"/>
      </right>
      <top style="thin">
        <color indexed="64"/>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68">
    <xf numFmtId="0" fontId="0" fillId="0" borderId="0"/>
    <xf numFmtId="43" fontId="7" fillId="0" borderId="0" applyFont="0" applyFill="0" applyBorder="0" applyAlignment="0" applyProtection="0"/>
    <xf numFmtId="0" fontId="6" fillId="0" borderId="0"/>
    <xf numFmtId="0" fontId="15" fillId="0" borderId="0" applyNumberFormat="0" applyFill="0" applyBorder="0" applyAlignment="0" applyProtection="0"/>
    <xf numFmtId="0" fontId="16" fillId="0" borderId="0"/>
    <xf numFmtId="0" fontId="3" fillId="12" borderId="0" applyNumberFormat="0" applyBorder="0" applyAlignment="0" applyProtection="0"/>
    <xf numFmtId="0" fontId="2" fillId="14" borderId="0" applyNumberFormat="0" applyBorder="0" applyAlignment="0" applyProtection="0"/>
    <xf numFmtId="0" fontId="2" fillId="11" borderId="0" applyNumberFormat="0" applyBorder="0" applyAlignment="0" applyProtection="0"/>
    <xf numFmtId="0" fontId="2" fillId="12" borderId="0" applyNumberFormat="0" applyBorder="0" applyAlignment="0" applyProtection="0"/>
    <xf numFmtId="0" fontId="2" fillId="13" borderId="0" applyNumberFormat="0" applyBorder="0" applyAlignment="0" applyProtection="0"/>
    <xf numFmtId="0" fontId="2" fillId="16" borderId="0" applyNumberFormat="0" applyBorder="0" applyAlignment="0" applyProtection="0"/>
    <xf numFmtId="0" fontId="2" fillId="15" borderId="0" applyNumberFormat="0" applyBorder="0" applyAlignment="0" applyProtection="0"/>
    <xf numFmtId="0" fontId="34" fillId="0" borderId="0" applyNumberFormat="0" applyFill="0" applyBorder="0" applyAlignment="0" applyProtection="0"/>
    <xf numFmtId="0" fontId="35" fillId="0" borderId="12" applyNumberFormat="0" applyFill="0" applyAlignment="0" applyProtection="0"/>
    <xf numFmtId="0" fontId="36" fillId="0" borderId="13" applyNumberFormat="0" applyFill="0" applyAlignment="0" applyProtection="0"/>
    <xf numFmtId="0" fontId="30" fillId="0" borderId="14" applyNumberFormat="0" applyFill="0" applyAlignment="0" applyProtection="0"/>
    <xf numFmtId="0" fontId="30" fillId="0" borderId="0" applyNumberFormat="0" applyFill="0" applyBorder="0" applyAlignment="0" applyProtection="0"/>
    <xf numFmtId="0" fontId="37" fillId="23" borderId="0" applyNumberFormat="0" applyBorder="0" applyAlignment="0" applyProtection="0"/>
    <xf numFmtId="0" fontId="38" fillId="24" borderId="0" applyNumberFormat="0" applyBorder="0" applyAlignment="0" applyProtection="0"/>
    <xf numFmtId="0" fontId="39" fillId="25" borderId="0" applyNumberFormat="0" applyBorder="0" applyAlignment="0" applyProtection="0"/>
    <xf numFmtId="0" fontId="40" fillId="26" borderId="15" applyNumberFormat="0" applyAlignment="0" applyProtection="0"/>
    <xf numFmtId="0" fontId="41" fillId="27" borderId="16" applyNumberFormat="0" applyAlignment="0" applyProtection="0"/>
    <xf numFmtId="0" fontId="42" fillId="27" borderId="15" applyNumberFormat="0" applyAlignment="0" applyProtection="0"/>
    <xf numFmtId="0" fontId="43" fillId="0" borderId="17" applyNumberFormat="0" applyFill="0" applyAlignment="0" applyProtection="0"/>
    <xf numFmtId="0" fontId="24" fillId="28" borderId="18" applyNumberFormat="0" applyAlignment="0" applyProtection="0"/>
    <xf numFmtId="0" fontId="44" fillId="0" borderId="0" applyNumberFormat="0" applyFill="0" applyBorder="0" applyAlignment="0" applyProtection="0"/>
    <xf numFmtId="0" fontId="45" fillId="0" borderId="0" applyNumberFormat="0" applyFill="0" applyBorder="0" applyAlignment="0" applyProtection="0"/>
    <xf numFmtId="0" fontId="25" fillId="0" borderId="20" applyNumberFormat="0" applyFill="0" applyAlignment="0" applyProtection="0"/>
    <xf numFmtId="0" fontId="46" fillId="30" borderId="0" applyNumberFormat="0" applyBorder="0" applyAlignment="0" applyProtection="0"/>
    <xf numFmtId="0" fontId="1" fillId="31" borderId="0" applyNumberFormat="0" applyBorder="0" applyAlignment="0" applyProtection="0"/>
    <xf numFmtId="0" fontId="46" fillId="32" borderId="0" applyNumberFormat="0" applyBorder="0" applyAlignment="0" applyProtection="0"/>
    <xf numFmtId="0" fontId="46" fillId="33" borderId="0" applyNumberFormat="0" applyBorder="0" applyAlignment="0" applyProtection="0"/>
    <xf numFmtId="0" fontId="1" fillId="34" borderId="0" applyNumberFormat="0" applyBorder="0" applyAlignment="0" applyProtection="0"/>
    <xf numFmtId="0" fontId="46" fillId="35" borderId="0" applyNumberFormat="0" applyBorder="0" applyAlignment="0" applyProtection="0"/>
    <xf numFmtId="0" fontId="46" fillId="36" borderId="0" applyNumberFormat="0" applyBorder="0" applyAlignment="0" applyProtection="0"/>
    <xf numFmtId="0" fontId="1" fillId="37" borderId="0" applyNumberFormat="0" applyBorder="0" applyAlignment="0" applyProtection="0"/>
    <xf numFmtId="0" fontId="46" fillId="38" borderId="0" applyNumberFormat="0" applyBorder="0" applyAlignment="0" applyProtection="0"/>
    <xf numFmtId="0" fontId="46" fillId="39" borderId="0" applyNumberFormat="0" applyBorder="0" applyAlignment="0" applyProtection="0"/>
    <xf numFmtId="0" fontId="1" fillId="40" borderId="0" applyNumberFormat="0" applyBorder="0" applyAlignment="0" applyProtection="0"/>
    <xf numFmtId="0" fontId="46" fillId="41" borderId="0" applyNumberFormat="0" applyBorder="0" applyAlignment="0" applyProtection="0"/>
    <xf numFmtId="0" fontId="46" fillId="42" borderId="0" applyNumberFormat="0" applyBorder="0" applyAlignment="0" applyProtection="0"/>
    <xf numFmtId="0" fontId="1" fillId="43" borderId="0" applyNumberFormat="0" applyBorder="0" applyAlignment="0" applyProtection="0"/>
    <xf numFmtId="0" fontId="46" fillId="44" borderId="0" applyNumberFormat="0" applyBorder="0" applyAlignment="0" applyProtection="0"/>
    <xf numFmtId="0" fontId="46" fillId="45" borderId="0" applyNumberFormat="0" applyBorder="0" applyAlignment="0" applyProtection="0"/>
    <xf numFmtId="0" fontId="1" fillId="46" borderId="0" applyNumberFormat="0" applyBorder="0" applyAlignment="0" applyProtection="0"/>
    <xf numFmtId="0" fontId="46" fillId="47" borderId="0" applyNumberFormat="0" applyBorder="0" applyAlignment="0" applyProtection="0"/>
    <xf numFmtId="44" fontId="1" fillId="0" borderId="0" applyFont="0" applyFill="0" applyBorder="0" applyAlignment="0" applyProtection="0"/>
    <xf numFmtId="0" fontId="1" fillId="0" borderId="0"/>
    <xf numFmtId="0" fontId="47" fillId="0" borderId="0"/>
    <xf numFmtId="0" fontId="1" fillId="29" borderId="19" applyNumberFormat="0" applyFont="0" applyAlignment="0" applyProtection="0"/>
    <xf numFmtId="0" fontId="1" fillId="14" borderId="0" applyNumberFormat="0" applyBorder="0" applyAlignment="0" applyProtection="0"/>
    <xf numFmtId="0" fontId="1" fillId="13"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 fillId="11"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 fillId="12"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 fillId="0" borderId="0"/>
    <xf numFmtId="0" fontId="1" fillId="0" borderId="0"/>
    <xf numFmtId="0" fontId="33" fillId="0" borderId="0"/>
    <xf numFmtId="0" fontId="1" fillId="29" borderId="19" applyNumberFormat="0" applyFont="0" applyAlignment="0" applyProtection="0"/>
    <xf numFmtId="0" fontId="1" fillId="29" borderId="19" applyNumberFormat="0" applyFont="0" applyAlignment="0" applyProtection="0"/>
    <xf numFmtId="9" fontId="1" fillId="0" borderId="0" applyFont="0" applyFill="0" applyBorder="0" applyAlignment="0" applyProtection="0"/>
    <xf numFmtId="0" fontId="1" fillId="15" borderId="0" applyNumberFormat="0" applyBorder="0" applyAlignment="0" applyProtection="0"/>
    <xf numFmtId="0" fontId="1" fillId="16" borderId="0" applyNumberFormat="0" applyBorder="0" applyAlignment="0" applyProtection="0"/>
  </cellStyleXfs>
  <cellXfs count="167">
    <xf numFmtId="0" fontId="0" fillId="0" borderId="0" xfId="0"/>
    <xf numFmtId="0" fontId="11" fillId="0" borderId="0" xfId="0" applyFont="1"/>
    <xf numFmtId="0" fontId="8" fillId="0" borderId="0" xfId="0" applyFont="1"/>
    <xf numFmtId="0" fontId="8" fillId="0" borderId="0" xfId="0" applyFont="1" applyAlignment="1">
      <alignment horizontal="center" vertical="center"/>
    </xf>
    <xf numFmtId="0" fontId="11" fillId="0" borderId="1" xfId="0" applyFont="1" applyBorder="1" applyAlignment="1">
      <alignment horizontal="center" textRotation="90" wrapText="1"/>
    </xf>
    <xf numFmtId="0" fontId="11" fillId="0" borderId="1" xfId="0" applyFont="1" applyBorder="1" applyAlignment="1">
      <alignment horizontal="right" vertical="center" wrapText="1"/>
    </xf>
    <xf numFmtId="0" fontId="11" fillId="0" borderId="1" xfId="0" applyFont="1" applyBorder="1" applyAlignment="1">
      <alignment vertical="center" wrapText="1"/>
    </xf>
    <xf numFmtId="0" fontId="11" fillId="0" borderId="1" xfId="0" applyFont="1" applyBorder="1" applyAlignment="1">
      <alignment horizontal="center" vertical="center" wrapText="1"/>
    </xf>
    <xf numFmtId="0" fontId="8" fillId="0" borderId="0" xfId="0" applyFont="1" applyFill="1"/>
    <xf numFmtId="0" fontId="11" fillId="0" borderId="1" xfId="0" applyFont="1" applyBorder="1" applyAlignment="1">
      <alignment vertical="center"/>
    </xf>
    <xf numFmtId="0" fontId="11" fillId="0" borderId="1" xfId="0" applyFont="1" applyFill="1" applyBorder="1" applyAlignment="1">
      <alignment vertical="center" wrapText="1"/>
    </xf>
    <xf numFmtId="0" fontId="11" fillId="0" borderId="1" xfId="0" applyFont="1" applyFill="1" applyBorder="1" applyAlignment="1">
      <alignment horizontal="center" vertical="center" wrapText="1"/>
    </xf>
    <xf numFmtId="0" fontId="8" fillId="8" borderId="1" xfId="0" applyFont="1" applyFill="1" applyBorder="1" applyAlignment="1">
      <alignment horizontal="center" vertical="center"/>
    </xf>
    <xf numFmtId="0" fontId="8" fillId="8" borderId="0" xfId="0" applyFont="1" applyFill="1" applyAlignment="1">
      <alignment horizontal="right"/>
    </xf>
    <xf numFmtId="0" fontId="8" fillId="8" borderId="0" xfId="0" applyFont="1" applyFill="1"/>
    <xf numFmtId="49" fontId="7" fillId="0" borderId="0" xfId="0" applyNumberFormat="1" applyFont="1"/>
    <xf numFmtId="0" fontId="7" fillId="0" borderId="0" xfId="0" applyFont="1"/>
    <xf numFmtId="0" fontId="10" fillId="0" borderId="0" xfId="0" applyFont="1"/>
    <xf numFmtId="0" fontId="9" fillId="0" borderId="0" xfId="0" applyFont="1" applyAlignment="1">
      <alignment horizontal="center" wrapText="1"/>
    </xf>
    <xf numFmtId="0" fontId="8" fillId="9" borderId="1" xfId="0" applyFont="1" applyFill="1" applyBorder="1" applyAlignment="1">
      <alignment horizontal="center" vertical="center"/>
    </xf>
    <xf numFmtId="0" fontId="8" fillId="8" borderId="1" xfId="0" applyFont="1" applyFill="1" applyBorder="1"/>
    <xf numFmtId="0" fontId="9" fillId="8" borderId="1" xfId="0" applyFont="1" applyFill="1" applyBorder="1" applyAlignment="1">
      <alignment horizontal="center" textRotation="90" wrapText="1"/>
    </xf>
    <xf numFmtId="0" fontId="8" fillId="8" borderId="1" xfId="0" applyFont="1" applyFill="1" applyBorder="1" applyAlignment="1">
      <alignment horizontal="center" textRotation="90" wrapText="1"/>
    </xf>
    <xf numFmtId="0" fontId="8" fillId="8" borderId="1" xfId="0" applyFont="1" applyFill="1" applyBorder="1" applyAlignment="1">
      <alignment wrapText="1"/>
    </xf>
    <xf numFmtId="0" fontId="11" fillId="8" borderId="1" xfId="0" applyFont="1" applyFill="1" applyBorder="1" applyAlignment="1">
      <alignment wrapText="1"/>
    </xf>
    <xf numFmtId="0" fontId="9" fillId="8" borderId="1" xfId="0" applyFont="1" applyFill="1" applyBorder="1" applyAlignment="1">
      <alignment horizontal="center" wrapText="1"/>
    </xf>
    <xf numFmtId="0" fontId="8" fillId="8" borderId="1" xfId="0" applyFont="1" applyFill="1" applyBorder="1" applyAlignment="1">
      <alignment horizontal="center" wrapText="1"/>
    </xf>
    <xf numFmtId="0" fontId="8" fillId="0" borderId="0" xfId="0" applyFont="1" applyFill="1" applyAlignment="1">
      <alignment horizontal="right"/>
    </xf>
    <xf numFmtId="0" fontId="8" fillId="0" borderId="0" xfId="0" applyFont="1" applyFill="1" applyAlignment="1">
      <alignment wrapText="1"/>
    </xf>
    <xf numFmtId="0" fontId="14" fillId="0" borderId="0" xfId="0" applyFont="1"/>
    <xf numFmtId="0" fontId="16" fillId="0" borderId="0" xfId="4"/>
    <xf numFmtId="0" fontId="17" fillId="0" borderId="0" xfId="4" applyFont="1"/>
    <xf numFmtId="0" fontId="18" fillId="0" borderId="0" xfId="4" applyFont="1"/>
    <xf numFmtId="0" fontId="16" fillId="0" borderId="0" xfId="4" applyFont="1"/>
    <xf numFmtId="0" fontId="19" fillId="0" borderId="0" xfId="0" applyFont="1"/>
    <xf numFmtId="0" fontId="20" fillId="0" borderId="0" xfId="3" applyFont="1"/>
    <xf numFmtId="0" fontId="14" fillId="0" borderId="0" xfId="0" applyFont="1" applyAlignment="1"/>
    <xf numFmtId="0" fontId="14" fillId="0" borderId="0" xfId="0" applyFont="1" applyAlignment="1">
      <alignment horizontal="center"/>
    </xf>
    <xf numFmtId="0" fontId="14" fillId="0" borderId="0" xfId="0" applyFont="1" applyAlignment="1">
      <alignment horizontal="center" vertical="center"/>
    </xf>
    <xf numFmtId="0" fontId="11" fillId="5" borderId="1" xfId="0" applyFont="1" applyFill="1" applyBorder="1" applyAlignment="1">
      <alignment horizontal="center" vertical="center" wrapText="1"/>
    </xf>
    <xf numFmtId="0" fontId="12" fillId="5" borderId="1" xfId="0" applyFont="1" applyFill="1" applyBorder="1" applyAlignment="1">
      <alignment horizontal="center" vertical="center" wrapText="1"/>
    </xf>
    <xf numFmtId="0" fontId="11" fillId="7" borderId="1" xfId="0" applyFont="1" applyFill="1" applyBorder="1" applyAlignment="1">
      <alignment horizontal="center" vertical="center" wrapText="1"/>
    </xf>
    <xf numFmtId="0" fontId="12" fillId="7" borderId="1" xfId="0" applyFont="1" applyFill="1" applyBorder="1" applyAlignment="1">
      <alignment horizontal="center" vertical="center" wrapText="1"/>
    </xf>
    <xf numFmtId="0" fontId="11" fillId="6" borderId="1" xfId="0" applyFont="1" applyFill="1" applyBorder="1" applyAlignment="1">
      <alignment horizontal="center" vertical="center" wrapText="1"/>
    </xf>
    <xf numFmtId="0" fontId="12" fillId="6" borderId="1" xfId="0" applyFont="1" applyFill="1" applyBorder="1" applyAlignment="1">
      <alignment horizontal="center" vertical="center" wrapText="1"/>
    </xf>
    <xf numFmtId="0" fontId="11" fillId="4" borderId="1" xfId="0" applyFont="1" applyFill="1" applyBorder="1" applyAlignment="1">
      <alignment horizontal="center" vertical="center" wrapText="1"/>
    </xf>
    <xf numFmtId="0" fontId="12" fillId="4" borderId="1"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2" fillId="2" borderId="1" xfId="0" applyFont="1" applyFill="1" applyBorder="1" applyAlignment="1">
      <alignment horizontal="center" vertical="center" wrapText="1"/>
    </xf>
    <xf numFmtId="0" fontId="11" fillId="3" borderId="1" xfId="0" applyFont="1" applyFill="1" applyBorder="1" applyAlignment="1">
      <alignment horizontal="center" vertical="center" wrapText="1"/>
    </xf>
    <xf numFmtId="0" fontId="12" fillId="3" borderId="1" xfId="0" applyFont="1" applyFill="1" applyBorder="1" applyAlignment="1">
      <alignment horizontal="center" vertical="center" wrapText="1"/>
    </xf>
    <xf numFmtId="0" fontId="25" fillId="0" borderId="5" xfId="0" applyFont="1" applyBorder="1"/>
    <xf numFmtId="0" fontId="5" fillId="0" borderId="6" xfId="0" applyFont="1" applyBorder="1"/>
    <xf numFmtId="0" fontId="26" fillId="0" borderId="6" xfId="0" applyFont="1" applyBorder="1"/>
    <xf numFmtId="0" fontId="5" fillId="0" borderId="6" xfId="0" applyFont="1" applyBorder="1" applyAlignment="1"/>
    <xf numFmtId="0" fontId="5" fillId="0" borderId="6" xfId="0" applyFont="1" applyBorder="1" applyAlignment="1">
      <alignment horizontal="center"/>
    </xf>
    <xf numFmtId="0" fontId="5" fillId="0" borderId="9" xfId="0" applyFont="1" applyBorder="1"/>
    <xf numFmtId="0" fontId="5" fillId="0" borderId="6" xfId="2" applyNumberFormat="1" applyFont="1" applyBorder="1" applyAlignment="1"/>
    <xf numFmtId="0" fontId="25" fillId="0" borderId="7" xfId="0" applyFont="1" applyBorder="1"/>
    <xf numFmtId="0" fontId="5" fillId="0" borderId="8" xfId="0" applyFont="1" applyBorder="1"/>
    <xf numFmtId="0" fontId="26" fillId="0" borderId="8" xfId="0" applyFont="1" applyBorder="1"/>
    <xf numFmtId="0" fontId="5" fillId="0" borderId="8" xfId="0" applyFont="1" applyBorder="1" applyAlignment="1"/>
    <xf numFmtId="0" fontId="5" fillId="0" borderId="8" xfId="0" applyFont="1" applyBorder="1" applyAlignment="1">
      <alignment horizontal="center"/>
    </xf>
    <xf numFmtId="0" fontId="5" fillId="0" borderId="10" xfId="0" applyFont="1" applyBorder="1"/>
    <xf numFmtId="0" fontId="24" fillId="10" borderId="5" xfId="0" applyFont="1" applyFill="1" applyBorder="1" applyAlignment="1">
      <alignment horizontal="center" vertical="center"/>
    </xf>
    <xf numFmtId="0" fontId="24" fillId="10" borderId="6" xfId="0" applyFont="1" applyFill="1" applyBorder="1" applyAlignment="1">
      <alignment horizontal="center" vertical="center"/>
    </xf>
    <xf numFmtId="0" fontId="24" fillId="10" borderId="9" xfId="0" applyFont="1" applyFill="1" applyBorder="1" applyAlignment="1">
      <alignment horizontal="center" vertical="center"/>
    </xf>
    <xf numFmtId="0" fontId="0" fillId="0" borderId="0" xfId="0" applyAlignment="1">
      <alignment textRotation="90"/>
    </xf>
    <xf numFmtId="0" fontId="8" fillId="8" borderId="0" xfId="0" applyFont="1" applyFill="1" applyAlignment="1">
      <alignment horizontal="center" textRotation="90"/>
    </xf>
    <xf numFmtId="0" fontId="11" fillId="2" borderId="1" xfId="0" applyFont="1" applyFill="1" applyBorder="1" applyAlignment="1">
      <alignment horizontal="center" textRotation="90" wrapText="1"/>
    </xf>
    <xf numFmtId="0" fontId="11" fillId="3" borderId="1" xfId="0" applyFont="1" applyFill="1" applyBorder="1" applyAlignment="1">
      <alignment horizontal="center" textRotation="90" wrapText="1"/>
    </xf>
    <xf numFmtId="0" fontId="11" fillId="4" borderId="1" xfId="0" applyFont="1" applyFill="1" applyBorder="1" applyAlignment="1">
      <alignment horizontal="center" textRotation="90" wrapText="1"/>
    </xf>
    <xf numFmtId="0" fontId="11" fillId="7" borderId="1" xfId="0" applyFont="1" applyFill="1" applyBorder="1" applyAlignment="1">
      <alignment horizontal="center" textRotation="90" wrapText="1"/>
    </xf>
    <xf numFmtId="0" fontId="11" fillId="6" borderId="1" xfId="0" applyFont="1" applyFill="1" applyBorder="1" applyAlignment="1">
      <alignment horizontal="center" textRotation="90" wrapText="1"/>
    </xf>
    <xf numFmtId="0" fontId="11" fillId="5" borderId="1" xfId="0" applyFont="1" applyFill="1" applyBorder="1" applyAlignment="1">
      <alignment horizontal="center" textRotation="90" wrapText="1"/>
    </xf>
    <xf numFmtId="0" fontId="12" fillId="2" borderId="1" xfId="0" applyFont="1" applyFill="1" applyBorder="1" applyAlignment="1">
      <alignment horizontal="center" textRotation="90" wrapText="1"/>
    </xf>
    <xf numFmtId="0" fontId="11" fillId="0" borderId="1" xfId="0" applyFont="1" applyFill="1" applyBorder="1" applyAlignment="1">
      <alignment horizontal="center" textRotation="90" wrapText="1"/>
    </xf>
    <xf numFmtId="0" fontId="12" fillId="3" borderId="1" xfId="0" applyFont="1" applyFill="1" applyBorder="1" applyAlignment="1">
      <alignment horizontal="center" textRotation="90" wrapText="1"/>
    </xf>
    <xf numFmtId="0" fontId="12" fillId="4" borderId="1" xfId="0" applyFont="1" applyFill="1" applyBorder="1" applyAlignment="1">
      <alignment horizontal="center" textRotation="90" wrapText="1"/>
    </xf>
    <xf numFmtId="0" fontId="12" fillId="7" borderId="1" xfId="0" applyFont="1" applyFill="1" applyBorder="1" applyAlignment="1">
      <alignment horizontal="center" textRotation="90" wrapText="1"/>
    </xf>
    <xf numFmtId="0" fontId="12" fillId="6" borderId="1" xfId="0" applyFont="1" applyFill="1" applyBorder="1" applyAlignment="1">
      <alignment horizontal="center" textRotation="90" wrapText="1"/>
    </xf>
    <xf numFmtId="0" fontId="12" fillId="5" borderId="1" xfId="0" applyFont="1" applyFill="1" applyBorder="1" applyAlignment="1">
      <alignment horizontal="center" textRotation="90" wrapText="1"/>
    </xf>
    <xf numFmtId="0" fontId="8" fillId="8" borderId="0" xfId="0" applyFont="1" applyFill="1" applyAlignment="1">
      <alignment horizontal="center" vertical="center"/>
    </xf>
    <xf numFmtId="0" fontId="29" fillId="0" borderId="1" xfId="1" applyNumberFormat="1" applyFont="1" applyFill="1" applyBorder="1" applyAlignment="1">
      <alignment horizontal="left" vertical="center" wrapText="1"/>
    </xf>
    <xf numFmtId="43" fontId="22" fillId="2" borderId="1" xfId="1" applyNumberFormat="1" applyFont="1" applyFill="1" applyBorder="1" applyAlignment="1">
      <alignment horizontal="center" vertical="center" wrapText="1"/>
    </xf>
    <xf numFmtId="0" fontId="4" fillId="0" borderId="6" xfId="0" applyFont="1" applyBorder="1" applyAlignment="1"/>
    <xf numFmtId="0" fontId="22" fillId="0" borderId="0" xfId="0" applyFont="1" applyAlignment="1">
      <alignment vertical="center"/>
    </xf>
    <xf numFmtId="0" fontId="22" fillId="0" borderId="0" xfId="0" applyNumberFormat="1" applyFont="1" applyAlignment="1">
      <alignment horizontal="left" vertical="center"/>
    </xf>
    <xf numFmtId="0" fontId="22" fillId="0" borderId="0" xfId="1" applyNumberFormat="1" applyFont="1" applyAlignment="1">
      <alignment horizontal="left" vertical="center"/>
    </xf>
    <xf numFmtId="43" fontId="22" fillId="0" borderId="0" xfId="1" applyNumberFormat="1" applyFont="1" applyAlignment="1">
      <alignment vertical="center"/>
    </xf>
    <xf numFmtId="0" fontId="22" fillId="0" borderId="0" xfId="0" applyFont="1" applyAlignment="1">
      <alignment vertical="center" wrapText="1"/>
    </xf>
    <xf numFmtId="0" fontId="22" fillId="0" borderId="11" xfId="0" applyFont="1" applyBorder="1"/>
    <xf numFmtId="0" fontId="21" fillId="0" borderId="11" xfId="0" applyFont="1" applyBorder="1"/>
    <xf numFmtId="49" fontId="22" fillId="0" borderId="11" xfId="0" applyNumberFormat="1" applyFont="1" applyBorder="1" applyAlignment="1">
      <alignment horizontal="center"/>
    </xf>
    <xf numFmtId="0" fontId="22" fillId="0" borderId="11" xfId="0" applyFont="1" applyBorder="1" applyAlignment="1">
      <alignment horizontal="right" vertical="center" wrapText="1"/>
    </xf>
    <xf numFmtId="0" fontId="22" fillId="0" borderId="11" xfId="0" applyFont="1" applyBorder="1" applyAlignment="1">
      <alignment vertical="center" wrapText="1"/>
    </xf>
    <xf numFmtId="0" fontId="22" fillId="0" borderId="11" xfId="0" applyFont="1" applyBorder="1" applyAlignment="1">
      <alignment horizontal="center" vertical="center" wrapText="1"/>
    </xf>
    <xf numFmtId="0" fontId="8" fillId="0" borderId="0" xfId="0" applyFont="1" applyAlignment="1">
      <alignment horizontal="center"/>
    </xf>
    <xf numFmtId="0" fontId="11" fillId="0" borderId="0" xfId="0" applyFont="1" applyAlignment="1">
      <alignment horizontal="center"/>
    </xf>
    <xf numFmtId="0" fontId="8" fillId="0" borderId="0" xfId="0" applyFont="1" applyFill="1" applyAlignment="1">
      <alignment horizontal="center" wrapText="1"/>
    </xf>
    <xf numFmtId="0" fontId="8" fillId="0" borderId="0" xfId="0" applyFont="1" applyFill="1" applyAlignment="1">
      <alignment horizontal="center"/>
    </xf>
    <xf numFmtId="0" fontId="11" fillId="2" borderId="1" xfId="0" applyFont="1" applyFill="1" applyBorder="1" applyAlignment="1">
      <alignment horizontal="center" vertical="center" wrapText="1"/>
    </xf>
    <xf numFmtId="0" fontId="12" fillId="9" borderId="1" xfId="0" applyFont="1" applyFill="1" applyBorder="1" applyAlignment="1">
      <alignment horizontal="center" vertical="center" wrapText="1"/>
    </xf>
    <xf numFmtId="0" fontId="8" fillId="8" borderId="1" xfId="0" applyFont="1" applyFill="1" applyBorder="1" applyAlignment="1">
      <alignment horizontal="center" vertical="center" wrapText="1"/>
    </xf>
    <xf numFmtId="0" fontId="11" fillId="8" borderId="1" xfId="0" applyFont="1" applyFill="1" applyBorder="1" applyAlignment="1">
      <alignment horizontal="center" vertical="center" wrapText="1"/>
    </xf>
    <xf numFmtId="0" fontId="12" fillId="9" borderId="1" xfId="0" applyFont="1" applyFill="1" applyBorder="1" applyAlignment="1">
      <alignment vertical="center" wrapText="1"/>
    </xf>
    <xf numFmtId="0" fontId="9" fillId="18" borderId="1" xfId="0" applyFont="1" applyFill="1" applyBorder="1" applyAlignment="1">
      <alignment horizontal="center" vertical="center" wrapText="1"/>
    </xf>
    <xf numFmtId="0" fontId="8" fillId="18" borderId="1" xfId="0" applyFont="1" applyFill="1" applyBorder="1" applyAlignment="1">
      <alignment horizontal="center" wrapText="1"/>
    </xf>
    <xf numFmtId="0" fontId="8" fillId="18" borderId="1" xfId="0" applyFont="1" applyFill="1" applyBorder="1" applyAlignment="1">
      <alignment horizontal="center" vertical="center" wrapText="1"/>
    </xf>
    <xf numFmtId="0" fontId="11" fillId="18" borderId="1" xfId="0" applyFont="1" applyFill="1" applyBorder="1" applyAlignment="1">
      <alignment horizontal="center" vertical="center" wrapText="1"/>
    </xf>
    <xf numFmtId="0" fontId="9" fillId="19" borderId="1" xfId="0" applyFont="1" applyFill="1" applyBorder="1" applyAlignment="1">
      <alignment horizontal="center" vertical="center" wrapText="1"/>
    </xf>
    <xf numFmtId="0" fontId="8" fillId="19" borderId="1" xfId="0" applyFont="1" applyFill="1" applyBorder="1" applyAlignment="1">
      <alignment horizontal="center" wrapText="1"/>
    </xf>
    <xf numFmtId="0" fontId="8" fillId="19" borderId="1" xfId="0" applyFont="1" applyFill="1" applyBorder="1" applyAlignment="1">
      <alignment horizontal="center" vertical="center" wrapText="1"/>
    </xf>
    <xf numFmtId="0" fontId="11" fillId="19" borderId="1" xfId="0" applyFont="1" applyFill="1" applyBorder="1" applyAlignment="1">
      <alignment horizontal="center" vertical="center" wrapText="1"/>
    </xf>
    <xf numFmtId="0" fontId="9" fillId="20" borderId="1" xfId="0" applyFont="1" applyFill="1" applyBorder="1" applyAlignment="1">
      <alignment horizontal="center" vertical="center" wrapText="1"/>
    </xf>
    <xf numFmtId="0" fontId="8" fillId="20" borderId="1" xfId="0" applyFont="1" applyFill="1" applyBorder="1" applyAlignment="1">
      <alignment horizontal="center" wrapText="1"/>
    </xf>
    <xf numFmtId="0" fontId="8" fillId="20" borderId="1" xfId="0" applyFont="1" applyFill="1" applyBorder="1" applyAlignment="1">
      <alignment horizontal="center" vertical="center" wrapText="1"/>
    </xf>
    <xf numFmtId="0" fontId="11" fillId="20" borderId="1" xfId="0" applyFont="1" applyFill="1" applyBorder="1" applyAlignment="1">
      <alignment horizontal="center" vertical="center" wrapText="1"/>
    </xf>
    <xf numFmtId="0" fontId="9" fillId="21" borderId="1" xfId="0" applyFont="1" applyFill="1" applyBorder="1" applyAlignment="1">
      <alignment horizontal="center" vertical="center" wrapText="1"/>
    </xf>
    <xf numFmtId="0" fontId="8" fillId="21" borderId="1" xfId="0" applyFont="1" applyFill="1" applyBorder="1" applyAlignment="1">
      <alignment horizontal="center" wrapText="1"/>
    </xf>
    <xf numFmtId="0" fontId="8" fillId="21" borderId="1" xfId="0" applyFont="1" applyFill="1" applyBorder="1" applyAlignment="1">
      <alignment horizontal="center" vertical="center" wrapText="1"/>
    </xf>
    <xf numFmtId="0" fontId="11" fillId="21" borderId="1"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8" fillId="2" borderId="1" xfId="0" applyFont="1" applyFill="1" applyBorder="1" applyAlignment="1">
      <alignment horizontal="center" wrapText="1"/>
    </xf>
    <xf numFmtId="0" fontId="8" fillId="2" borderId="1" xfId="0" applyFont="1" applyFill="1" applyBorder="1" applyAlignment="1">
      <alignment horizontal="center" vertical="center" wrapText="1"/>
    </xf>
    <xf numFmtId="0" fontId="9" fillId="22" borderId="1" xfId="0" applyFont="1" applyFill="1" applyBorder="1" applyAlignment="1">
      <alignment horizontal="center" vertical="center" wrapText="1"/>
    </xf>
    <xf numFmtId="0" fontId="8" fillId="22" borderId="1" xfId="0" applyFont="1" applyFill="1" applyBorder="1" applyAlignment="1">
      <alignment horizontal="center" wrapText="1"/>
    </xf>
    <xf numFmtId="0" fontId="8" fillId="22" borderId="1" xfId="0" applyFont="1" applyFill="1" applyBorder="1" applyAlignment="1">
      <alignment horizontal="center" vertical="center" wrapText="1"/>
    </xf>
    <xf numFmtId="0" fontId="11" fillId="22" borderId="1" xfId="0" applyFont="1" applyFill="1" applyBorder="1" applyAlignment="1">
      <alignment horizontal="center" vertical="center" wrapText="1"/>
    </xf>
    <xf numFmtId="0" fontId="8" fillId="20" borderId="1" xfId="0" applyFont="1" applyFill="1" applyBorder="1" applyAlignment="1">
      <alignment horizontal="center" vertical="center"/>
    </xf>
    <xf numFmtId="0" fontId="11" fillId="20" borderId="1" xfId="0" applyFont="1" applyFill="1" applyBorder="1" applyAlignment="1">
      <alignment horizontal="center" vertical="center"/>
    </xf>
    <xf numFmtId="0" fontId="8" fillId="21" borderId="1" xfId="0" applyFont="1" applyFill="1" applyBorder="1" applyAlignment="1">
      <alignment horizontal="center" vertical="center"/>
    </xf>
    <xf numFmtId="0" fontId="11" fillId="21" borderId="1" xfId="0" applyFont="1" applyFill="1" applyBorder="1" applyAlignment="1">
      <alignment horizontal="center" vertical="center"/>
    </xf>
    <xf numFmtId="0" fontId="8" fillId="8" borderId="1" xfId="0" applyFont="1" applyFill="1" applyBorder="1" applyAlignment="1">
      <alignment horizontal="right"/>
    </xf>
    <xf numFmtId="0" fontId="9" fillId="19" borderId="1" xfId="0" applyFont="1" applyFill="1" applyBorder="1" applyAlignment="1">
      <alignment horizontal="center" wrapText="1"/>
    </xf>
    <xf numFmtId="0" fontId="9" fillId="20" borderId="1" xfId="0" applyFont="1" applyFill="1" applyBorder="1" applyAlignment="1">
      <alignment horizontal="center" wrapText="1"/>
    </xf>
    <xf numFmtId="0" fontId="9" fillId="21" borderId="1" xfId="0" applyFont="1" applyFill="1" applyBorder="1" applyAlignment="1">
      <alignment horizontal="center" wrapText="1"/>
    </xf>
    <xf numFmtId="0" fontId="9" fillId="22" borderId="1" xfId="0" applyFont="1" applyFill="1" applyBorder="1" applyAlignment="1">
      <alignment horizontal="center" wrapText="1"/>
    </xf>
    <xf numFmtId="0" fontId="9" fillId="2" borderId="1" xfId="0" applyFont="1" applyFill="1" applyBorder="1" applyAlignment="1">
      <alignment horizontal="center" wrapText="1"/>
    </xf>
    <xf numFmtId="0" fontId="9" fillId="18" borderId="1" xfId="0" applyFont="1" applyFill="1" applyBorder="1" applyAlignment="1">
      <alignment horizontal="center" wrapText="1"/>
    </xf>
    <xf numFmtId="0" fontId="9" fillId="9" borderId="1" xfId="0" applyFont="1" applyFill="1" applyBorder="1" applyAlignment="1">
      <alignment horizontal="center" vertical="center"/>
    </xf>
    <xf numFmtId="43" fontId="22" fillId="17" borderId="1" xfId="1" applyNumberFormat="1" applyFont="1" applyFill="1" applyBorder="1" applyAlignment="1">
      <alignment horizontal="center" vertical="center" wrapText="1"/>
    </xf>
    <xf numFmtId="0" fontId="22" fillId="17" borderId="0" xfId="0" applyFont="1" applyFill="1" applyAlignment="1">
      <alignment vertical="center"/>
    </xf>
    <xf numFmtId="0" fontId="21" fillId="17" borderId="2" xfId="0" applyFont="1" applyFill="1" applyBorder="1" applyAlignment="1">
      <alignment horizontal="center" vertical="center" wrapText="1"/>
    </xf>
    <xf numFmtId="43" fontId="22" fillId="19" borderId="1" xfId="1" applyNumberFormat="1" applyFont="1" applyFill="1" applyBorder="1" applyAlignment="1">
      <alignment horizontal="center" vertical="center" wrapText="1"/>
    </xf>
    <xf numFmtId="43" fontId="22" fillId="20" borderId="1" xfId="1" applyNumberFormat="1" applyFont="1" applyFill="1" applyBorder="1" applyAlignment="1">
      <alignment horizontal="center" vertical="center" wrapText="1"/>
    </xf>
    <xf numFmtId="43" fontId="22" fillId="21" borderId="1" xfId="1" applyNumberFormat="1" applyFont="1" applyFill="1" applyBorder="1" applyAlignment="1">
      <alignment horizontal="center" vertical="center" wrapText="1"/>
    </xf>
    <xf numFmtId="43" fontId="22" fillId="22" borderId="1" xfId="1" applyNumberFormat="1" applyFont="1" applyFill="1" applyBorder="1" applyAlignment="1">
      <alignment horizontal="center" vertical="center" wrapText="1"/>
    </xf>
    <xf numFmtId="0" fontId="22" fillId="0" borderId="1" xfId="0" applyFont="1" applyBorder="1" applyAlignment="1">
      <alignment vertical="center" wrapText="1"/>
    </xf>
    <xf numFmtId="0" fontId="23" fillId="0" borderId="1" xfId="0" applyFont="1" applyBorder="1" applyAlignment="1">
      <alignment vertical="center" wrapText="1"/>
    </xf>
    <xf numFmtId="0" fontId="23" fillId="0" borderId="1" xfId="2" applyNumberFormat="1" applyFont="1" applyBorder="1" applyAlignment="1">
      <alignment vertical="center" wrapText="1"/>
    </xf>
    <xf numFmtId="0" fontId="23" fillId="0" borderId="1" xfId="0" applyFont="1" applyBorder="1" applyAlignment="1">
      <alignment vertical="center"/>
    </xf>
    <xf numFmtId="0" fontId="22" fillId="0" borderId="2" xfId="0" applyFont="1" applyBorder="1" applyAlignment="1">
      <alignment vertical="center"/>
    </xf>
    <xf numFmtId="0" fontId="31" fillId="0" borderId="1" xfId="5" applyFont="1" applyFill="1" applyBorder="1" applyAlignment="1">
      <alignment horizontal="center" vertical="center" wrapText="1"/>
    </xf>
    <xf numFmtId="0" fontId="32" fillId="0" borderId="1" xfId="5" applyFont="1" applyFill="1" applyBorder="1" applyAlignment="1">
      <alignment horizontal="center" vertical="center" wrapText="1"/>
    </xf>
    <xf numFmtId="1" fontId="32" fillId="0" borderId="1" xfId="5" applyNumberFormat="1" applyFont="1" applyFill="1" applyBorder="1" applyAlignment="1">
      <alignment horizontal="center" vertical="center" wrapText="1"/>
    </xf>
    <xf numFmtId="0" fontId="21" fillId="17" borderId="1" xfId="0" applyFont="1" applyFill="1" applyBorder="1" applyAlignment="1">
      <alignment vertical="center" wrapText="1"/>
    </xf>
    <xf numFmtId="43" fontId="21" fillId="17" borderId="1" xfId="1" applyNumberFormat="1" applyFont="1" applyFill="1" applyBorder="1" applyAlignment="1">
      <alignment horizontal="center" vertical="center"/>
    </xf>
    <xf numFmtId="0" fontId="27" fillId="17" borderId="1" xfId="0" applyFont="1" applyFill="1" applyBorder="1" applyAlignment="1">
      <alignment vertical="center" wrapText="1"/>
    </xf>
    <xf numFmtId="0" fontId="0" fillId="0" borderId="0" xfId="0"/>
    <xf numFmtId="0" fontId="22" fillId="0" borderId="1" xfId="1" applyNumberFormat="1" applyFont="1" applyFill="1" applyBorder="1" applyAlignment="1">
      <alignment horizontal="left" vertical="center" wrapText="1"/>
    </xf>
    <xf numFmtId="0" fontId="22" fillId="0" borderId="1" xfId="0" applyNumberFormat="1" applyFont="1" applyFill="1" applyBorder="1" applyAlignment="1">
      <alignment horizontal="left" vertical="center" wrapText="1"/>
    </xf>
    <xf numFmtId="0" fontId="28" fillId="0" borderId="1" xfId="0" applyFont="1" applyBorder="1" applyAlignment="1">
      <alignment vertical="center" wrapText="1"/>
    </xf>
    <xf numFmtId="0" fontId="22" fillId="9" borderId="1" xfId="1" applyNumberFormat="1" applyFont="1" applyFill="1" applyBorder="1" applyAlignment="1">
      <alignment horizontal="left" vertical="center" wrapText="1"/>
    </xf>
    <xf numFmtId="0" fontId="23" fillId="0" borderId="1" xfId="0" applyFont="1" applyBorder="1" applyAlignment="1">
      <alignment horizontal="center" vertical="center"/>
    </xf>
    <xf numFmtId="0" fontId="22" fillId="0" borderId="4" xfId="0" applyFont="1" applyBorder="1" applyAlignment="1">
      <alignment horizontal="center" vertical="center" wrapText="1"/>
    </xf>
    <xf numFmtId="0" fontId="22" fillId="0" borderId="3" xfId="0" applyFont="1" applyBorder="1" applyAlignment="1">
      <alignment horizontal="center" vertical="center" wrapText="1"/>
    </xf>
  </cellXfs>
  <cellStyles count="68">
    <cellStyle name="20% - Accent1" xfId="29" builtinId="30" customBuiltin="1"/>
    <cellStyle name="20% - Accent2" xfId="32" builtinId="34" customBuiltin="1"/>
    <cellStyle name="20% - Accent3" xfId="35" builtinId="38" customBuiltin="1"/>
    <cellStyle name="20% - Accent4" xfId="38" builtinId="42" customBuiltin="1"/>
    <cellStyle name="20% - Accent5" xfId="41" builtinId="46" customBuiltin="1"/>
    <cellStyle name="20% - Accent6" xfId="44" builtinId="50" customBuiltin="1"/>
    <cellStyle name="40% - Accent1 2" xfId="7"/>
    <cellStyle name="40% - Accent1 2 2" xfId="54"/>
    <cellStyle name="40% - Accent1 3" xfId="52"/>
    <cellStyle name="40% - Accent2" xfId="5" builtinId="35"/>
    <cellStyle name="40% - Accent2 2" xfId="8"/>
    <cellStyle name="40% - Accent2 2 2" xfId="57"/>
    <cellStyle name="40% - Accent2 3" xfId="53"/>
    <cellStyle name="40% - Accent3 2" xfId="9"/>
    <cellStyle name="40% - Accent3 2 2" xfId="51"/>
    <cellStyle name="40% - Accent3 3" xfId="55"/>
    <cellStyle name="40% - Accent4 2" xfId="6"/>
    <cellStyle name="40% - Accent4 2 2" xfId="50"/>
    <cellStyle name="40% - Accent4 3" xfId="56"/>
    <cellStyle name="40% - Accent5 2" xfId="11"/>
    <cellStyle name="40% - Accent5 2 2" xfId="66"/>
    <cellStyle name="40% - Accent5 3" xfId="58"/>
    <cellStyle name="40% - Accent6 2" xfId="10"/>
    <cellStyle name="40% - Accent6 2 2" xfId="67"/>
    <cellStyle name="40% - Accent6 3" xfId="59"/>
    <cellStyle name="60% - Accent1" xfId="30" builtinId="32" customBuiltin="1"/>
    <cellStyle name="60% - Accent2" xfId="33" builtinId="36" customBuiltin="1"/>
    <cellStyle name="60% - Accent3" xfId="36" builtinId="40" customBuiltin="1"/>
    <cellStyle name="60% - Accent4" xfId="39" builtinId="44" customBuiltin="1"/>
    <cellStyle name="60% - Accent5" xfId="42" builtinId="48" customBuiltin="1"/>
    <cellStyle name="60% - Accent6" xfId="45" builtinId="52" customBuiltin="1"/>
    <cellStyle name="Accent1" xfId="28" builtinId="29" customBuiltin="1"/>
    <cellStyle name="Accent2" xfId="31" builtinId="33" customBuiltin="1"/>
    <cellStyle name="Accent3" xfId="34" builtinId="37" customBuiltin="1"/>
    <cellStyle name="Accent4" xfId="37" builtinId="41" customBuiltin="1"/>
    <cellStyle name="Accent5" xfId="40" builtinId="45" customBuiltin="1"/>
    <cellStyle name="Accent6" xfId="43" builtinId="49" customBuiltin="1"/>
    <cellStyle name="Bad" xfId="18" builtinId="27" customBuiltin="1"/>
    <cellStyle name="Calculation" xfId="22" builtinId="22" customBuiltin="1"/>
    <cellStyle name="Check Cell" xfId="24" builtinId="23" customBuiltin="1"/>
    <cellStyle name="Comma" xfId="1" builtinId="3"/>
    <cellStyle name="Currency 2" xfId="46"/>
    <cellStyle name="Explanatory Text" xfId="26" builtinId="53" customBuiltin="1"/>
    <cellStyle name="Good" xfId="17" builtinId="26" customBuiltin="1"/>
    <cellStyle name="Heading 1" xfId="13" builtinId="16" customBuiltin="1"/>
    <cellStyle name="Heading 2" xfId="14" builtinId="17" customBuiltin="1"/>
    <cellStyle name="Heading 3" xfId="15" builtinId="18" customBuiltin="1"/>
    <cellStyle name="Heading 4" xfId="16" builtinId="19" customBuiltin="1"/>
    <cellStyle name="Hyperlink" xfId="3" builtinId="8"/>
    <cellStyle name="Input" xfId="20" builtinId="20" customBuiltin="1"/>
    <cellStyle name="Linked Cell" xfId="23" builtinId="24" customBuiltin="1"/>
    <cellStyle name="Neutral" xfId="19" builtinId="28" customBuiltin="1"/>
    <cellStyle name="Normal" xfId="0" builtinId="0"/>
    <cellStyle name="Normal 2" xfId="2"/>
    <cellStyle name="Normal 2 2" xfId="61"/>
    <cellStyle name="Normal 2 3" xfId="47"/>
    <cellStyle name="Normal 3" xfId="4"/>
    <cellStyle name="Normal 3 2" xfId="48"/>
    <cellStyle name="Normal 4" xfId="62"/>
    <cellStyle name="Normal 5" xfId="60"/>
    <cellStyle name="Note 2" xfId="49"/>
    <cellStyle name="Note 2 2" xfId="64"/>
    <cellStyle name="Note 3" xfId="63"/>
    <cellStyle name="Output" xfId="21" builtinId="21" customBuiltin="1"/>
    <cellStyle name="Percent 2" xfId="65"/>
    <cellStyle name="Title" xfId="12" builtinId="15" customBuiltin="1"/>
    <cellStyle name="Total" xfId="27" builtinId="25" customBuiltin="1"/>
    <cellStyle name="Warning Text" xfId="25" builtinId="11"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1" Type="http://schemas.openxmlformats.org/officeDocument/2006/relationships/image" Target="NULL"/></Relationships>
</file>

<file path=xl/drawings/drawing1.xml><?xml version="1.0" encoding="utf-8"?>
<xdr:wsDr xmlns:xdr="http://schemas.openxmlformats.org/drawingml/2006/spreadsheetDrawing" xmlns:a="http://schemas.openxmlformats.org/drawingml/2006/main">
  <xdr:twoCellAnchor editAs="oneCell">
    <xdr:from>
      <xdr:col>9</xdr:col>
      <xdr:colOff>180975</xdr:colOff>
      <xdr:row>8</xdr:row>
      <xdr:rowOff>19050</xdr:rowOff>
    </xdr:from>
    <xdr:to>
      <xdr:col>19</xdr:col>
      <xdr:colOff>37356</xdr:colOff>
      <xdr:row>21</xdr:row>
      <xdr:rowOff>123503</xdr:rowOff>
    </xdr:to>
    <xdr:pic>
      <xdr:nvPicPr>
        <xdr:cNvPr id="2" name="Picture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1"/>
        <a:stretch>
          <a:fillRect/>
        </a:stretch>
      </xdr:blipFill>
      <xdr:spPr>
        <a:xfrm>
          <a:off x="13954125" y="1114425"/>
          <a:ext cx="5952381" cy="2580953"/>
        </a:xfrm>
        <a:prstGeom prst="rect">
          <a:avLst/>
        </a:prstGeom>
      </xdr:spPr>
    </xdr:pic>
    <xdr:clientData/>
  </xdr:twoCellAnchor>
</xdr:wsDr>
</file>

<file path=xl/theme/theme1.xml><?xml version="1.0" encoding="utf-8"?>
<a:theme xmlns:a="http://schemas.openxmlformats.org/drawingml/2006/main" name="Office Theme">
  <a:themeElements>
    <a:clrScheme name="SCA">
      <a:dk1>
        <a:sysClr val="windowText" lastClr="000000"/>
      </a:dk1>
      <a:lt1>
        <a:sysClr val="window" lastClr="FFFFFF"/>
      </a:lt1>
      <a:dk2>
        <a:srgbClr val="00205B"/>
      </a:dk2>
      <a:lt2>
        <a:srgbClr val="858585"/>
      </a:lt2>
      <a:accent1>
        <a:srgbClr val="00205B"/>
      </a:accent1>
      <a:accent2>
        <a:srgbClr val="009FDF"/>
      </a:accent2>
      <a:accent3>
        <a:srgbClr val="43B02A"/>
      </a:accent3>
      <a:accent4>
        <a:srgbClr val="D40F7D"/>
      </a:accent4>
      <a:accent5>
        <a:srgbClr val="981D97"/>
      </a:accent5>
      <a:accent6>
        <a:srgbClr val="796E65"/>
      </a:accent6>
      <a:hlink>
        <a:srgbClr val="00205B"/>
      </a:hlink>
      <a:folHlink>
        <a:srgbClr val="C7C9CB"/>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22.bin"/><Relationship Id="rId2" Type="http://schemas.openxmlformats.org/officeDocument/2006/relationships/printerSettings" Target="../printerSettings/printerSettings21.bin"/><Relationship Id="rId1" Type="http://schemas.openxmlformats.org/officeDocument/2006/relationships/printerSettings" Target="../printerSettings/printerSettings20.bin"/><Relationship Id="rId5" Type="http://schemas.openxmlformats.org/officeDocument/2006/relationships/printerSettings" Target="../printerSettings/printerSettings24.bin"/><Relationship Id="rId4" Type="http://schemas.openxmlformats.org/officeDocument/2006/relationships/printerSettings" Target="../printerSettings/printerSettings23.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8.bin"/><Relationship Id="rId2" Type="http://schemas.openxmlformats.org/officeDocument/2006/relationships/printerSettings" Target="../printerSettings/printerSettings7.bin"/><Relationship Id="rId1" Type="http://schemas.openxmlformats.org/officeDocument/2006/relationships/printerSettings" Target="../printerSettings/printerSettings6.bin"/><Relationship Id="rId5" Type="http://schemas.openxmlformats.org/officeDocument/2006/relationships/printerSettings" Target="../printerSettings/printerSettings10.bin"/><Relationship Id="rId4" Type="http://schemas.openxmlformats.org/officeDocument/2006/relationships/printerSettings" Target="../printerSettings/printerSettings9.bin"/></Relationships>
</file>

<file path=xl/worksheets/_rels/sheet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4" Type="http://schemas.openxmlformats.org/officeDocument/2006/relationships/printerSettings" Target="../printerSettings/printerSettings14.bin"/></Relationships>
</file>

<file path=xl/worksheets/_rels/sheet5.xml.rels><?xml version="1.0" encoding="UTF-8" standalone="yes"?>
<Relationships xmlns="http://schemas.openxmlformats.org/package/2006/relationships"><Relationship Id="rId8" Type="http://schemas.openxmlformats.org/officeDocument/2006/relationships/hyperlink" Target="http://www.aptekagemini.pl/pieluchomajtki-super-seni-air-small-10-sztuk.html" TargetMode="External"/><Relationship Id="rId3" Type="http://schemas.openxmlformats.org/officeDocument/2006/relationships/printerSettings" Target="../printerSettings/printerSettings17.bin"/><Relationship Id="rId7" Type="http://schemas.openxmlformats.org/officeDocument/2006/relationships/hyperlink" Target="https://www.doz.pl/apteka/p9994-Seni_Super_pieluchomajtki_large_10_szt" TargetMode="External"/><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hyperlink" Target="http://www.cefarm24.pl/587,pieluchomajtki-super-seni-plus-3-large-air-x-10-szt.html" TargetMode="External"/><Relationship Id="rId5" Type="http://schemas.openxmlformats.org/officeDocument/2006/relationships/hyperlink" Target="https://www.doz.pl/apteka/p48093-Seni_Man_super_wkladki_urologiczne_20_szt" TargetMode="External"/><Relationship Id="rId10" Type="http://schemas.openxmlformats.org/officeDocument/2006/relationships/drawing" Target="../drawings/drawing1.xml"/><Relationship Id="rId4" Type="http://schemas.openxmlformats.org/officeDocument/2006/relationships/printerSettings" Target="../printerSettings/printerSettings18.bin"/><Relationship Id="rId9" Type="http://schemas.openxmlformats.org/officeDocument/2006/relationships/printerSettings" Target="../printerSettings/printerSettings1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80"/>
  <sheetViews>
    <sheetView tabSelected="1" zoomScale="70" zoomScaleNormal="70" workbookViewId="0">
      <pane xSplit="3" ySplit="9" topLeftCell="D10" activePane="bottomRight" state="frozen"/>
      <selection activeCell="AI7" sqref="AI7"/>
      <selection pane="topRight" activeCell="AI7" sqref="AI7"/>
      <selection pane="bottomLeft" activeCell="AI7" sqref="AI7"/>
      <selection pane="bottomRight" activeCell="D10" sqref="D10"/>
    </sheetView>
  </sheetViews>
  <sheetFormatPr defaultColWidth="9.109375" defaultRowHeight="13.8"/>
  <cols>
    <col min="1" max="1" width="14.5546875" style="86" customWidth="1"/>
    <col min="2" max="2" width="24.44140625" style="90" customWidth="1"/>
    <col min="3" max="3" width="24" style="89" customWidth="1"/>
    <col min="4" max="11" width="29.6640625" style="87" customWidth="1"/>
    <col min="12" max="12" width="2.6640625" style="87" customWidth="1"/>
    <col min="13" max="16384" width="9.109375" style="87"/>
  </cols>
  <sheetData>
    <row r="1" spans="1:12" ht="13.5" customHeight="1">
      <c r="A1" s="142"/>
      <c r="B1" s="142"/>
      <c r="C1" s="156" t="s">
        <v>78</v>
      </c>
      <c r="D1" s="153" t="s">
        <v>419</v>
      </c>
      <c r="E1" s="153" t="s">
        <v>419</v>
      </c>
      <c r="F1" s="153" t="s">
        <v>419</v>
      </c>
      <c r="G1" s="153" t="s">
        <v>419</v>
      </c>
      <c r="H1" s="153" t="s">
        <v>420</v>
      </c>
      <c r="I1" s="153" t="s">
        <v>420</v>
      </c>
      <c r="J1" s="153" t="s">
        <v>420</v>
      </c>
      <c r="K1" s="153" t="s">
        <v>420</v>
      </c>
      <c r="L1" s="82"/>
    </row>
    <row r="2" spans="1:12" s="86" customFormat="1" ht="13.5" customHeight="1">
      <c r="A2" s="142"/>
      <c r="B2" s="142"/>
      <c r="C2" s="156" t="s">
        <v>315</v>
      </c>
      <c r="D2" s="154">
        <v>21</v>
      </c>
      <c r="E2" s="154">
        <v>22</v>
      </c>
      <c r="F2" s="154">
        <v>23</v>
      </c>
      <c r="G2" s="154">
        <v>24</v>
      </c>
      <c r="H2" s="154">
        <v>25</v>
      </c>
      <c r="I2" s="154">
        <v>26</v>
      </c>
      <c r="J2" s="154">
        <v>27</v>
      </c>
      <c r="K2" s="154">
        <v>28</v>
      </c>
      <c r="L2" s="82"/>
    </row>
    <row r="3" spans="1:12" s="86" customFormat="1" ht="13.5" customHeight="1">
      <c r="A3" s="142"/>
      <c r="B3" s="142"/>
      <c r="C3" s="156" t="s">
        <v>314</v>
      </c>
      <c r="D3" s="154">
        <v>9</v>
      </c>
      <c r="E3" s="154">
        <v>30</v>
      </c>
      <c r="F3" s="154">
        <v>8</v>
      </c>
      <c r="G3" s="154">
        <v>30</v>
      </c>
      <c r="H3" s="154">
        <v>9</v>
      </c>
      <c r="I3" s="154">
        <v>30</v>
      </c>
      <c r="J3" s="154">
        <v>8</v>
      </c>
      <c r="K3" s="154">
        <v>30</v>
      </c>
      <c r="L3" s="82"/>
    </row>
    <row r="4" spans="1:12" s="86" customFormat="1" ht="13.5" customHeight="1">
      <c r="A4" s="142"/>
      <c r="B4" s="142"/>
      <c r="C4" s="156" t="s">
        <v>364</v>
      </c>
      <c r="D4" s="155">
        <v>7322540920772</v>
      </c>
      <c r="E4" s="155">
        <v>7322540921168</v>
      </c>
      <c r="F4" s="155">
        <v>7322540920796</v>
      </c>
      <c r="G4" s="155">
        <v>7322540921182</v>
      </c>
      <c r="H4" s="155">
        <v>7322540920918</v>
      </c>
      <c r="I4" s="155">
        <v>73225400921205</v>
      </c>
      <c r="J4" s="155">
        <v>7322540920932</v>
      </c>
      <c r="K4" s="155">
        <v>7322540921229</v>
      </c>
      <c r="L4" s="82"/>
    </row>
    <row r="5" spans="1:12" s="86" customFormat="1" ht="13.5" customHeight="1">
      <c r="A5" s="142"/>
      <c r="B5" s="142"/>
      <c r="C5" s="156" t="s">
        <v>365</v>
      </c>
      <c r="D5" s="154">
        <v>9084116</v>
      </c>
      <c r="E5" s="154">
        <v>9084127</v>
      </c>
      <c r="F5" s="154">
        <v>9084115</v>
      </c>
      <c r="G5" s="154">
        <v>9084129</v>
      </c>
      <c r="H5" s="154">
        <v>9084134</v>
      </c>
      <c r="I5" s="154">
        <v>9084128</v>
      </c>
      <c r="J5" s="154">
        <v>9084133</v>
      </c>
      <c r="K5" s="154">
        <v>9084132</v>
      </c>
      <c r="L5" s="82"/>
    </row>
    <row r="6" spans="1:12" s="86" customFormat="1" ht="13.5" customHeight="1">
      <c r="A6" s="142"/>
      <c r="B6" s="142"/>
      <c r="C6" s="156" t="s">
        <v>55</v>
      </c>
      <c r="D6" s="154">
        <v>782510</v>
      </c>
      <c r="E6" s="154">
        <v>782511</v>
      </c>
      <c r="F6" s="154">
        <v>782609</v>
      </c>
      <c r="G6" s="154">
        <v>782611</v>
      </c>
      <c r="H6" s="154">
        <v>772513</v>
      </c>
      <c r="I6" s="154">
        <v>772514</v>
      </c>
      <c r="J6" s="154">
        <v>772609</v>
      </c>
      <c r="K6" s="154">
        <v>772612</v>
      </c>
      <c r="L6" s="82"/>
    </row>
    <row r="7" spans="1:12" s="86" customFormat="1" ht="13.5" customHeight="1">
      <c r="A7" s="142"/>
      <c r="B7" s="142"/>
      <c r="C7" s="156" t="s">
        <v>313</v>
      </c>
      <c r="D7" s="153" t="s">
        <v>425</v>
      </c>
      <c r="E7" s="153" t="s">
        <v>426</v>
      </c>
      <c r="F7" s="153" t="s">
        <v>427</v>
      </c>
      <c r="G7" s="153" t="s">
        <v>428</v>
      </c>
      <c r="H7" s="153" t="s">
        <v>425</v>
      </c>
      <c r="I7" s="153" t="s">
        <v>426</v>
      </c>
      <c r="J7" s="153" t="s">
        <v>427</v>
      </c>
      <c r="K7" s="153" t="s">
        <v>428</v>
      </c>
      <c r="L7" s="82"/>
    </row>
    <row r="8" spans="1:12" s="86" customFormat="1" ht="13.5" customHeight="1">
      <c r="A8" s="142"/>
      <c r="B8" s="142"/>
      <c r="C8" s="156" t="s">
        <v>408</v>
      </c>
      <c r="D8" s="153" t="s">
        <v>430</v>
      </c>
      <c r="E8" s="153" t="s">
        <v>429</v>
      </c>
      <c r="F8" s="153" t="s">
        <v>431</v>
      </c>
      <c r="G8" s="153" t="s">
        <v>432</v>
      </c>
      <c r="H8" s="153" t="s">
        <v>433</v>
      </c>
      <c r="I8" s="153" t="s">
        <v>434</v>
      </c>
      <c r="J8" s="153" t="s">
        <v>435</v>
      </c>
      <c r="K8" s="153" t="s">
        <v>436</v>
      </c>
      <c r="L8" s="82"/>
    </row>
    <row r="9" spans="1:12" s="86" customFormat="1">
      <c r="A9" s="143" t="s">
        <v>147</v>
      </c>
      <c r="B9" s="143" t="s">
        <v>164</v>
      </c>
      <c r="C9" s="157" t="s">
        <v>280</v>
      </c>
      <c r="D9" s="158"/>
      <c r="E9" s="158"/>
      <c r="F9" s="158"/>
      <c r="G9" s="158"/>
      <c r="H9" s="158"/>
      <c r="I9" s="158"/>
      <c r="J9" s="158"/>
      <c r="K9" s="158"/>
      <c r="L9" s="82"/>
    </row>
    <row r="10" spans="1:12" ht="41.4">
      <c r="A10" s="152" t="s">
        <v>140</v>
      </c>
      <c r="B10" s="148" t="s">
        <v>410</v>
      </c>
      <c r="C10" s="144" t="s">
        <v>411</v>
      </c>
      <c r="D10" s="163" t="s">
        <v>439</v>
      </c>
      <c r="E10" s="163" t="s">
        <v>437</v>
      </c>
      <c r="F10" s="163" t="s">
        <v>438</v>
      </c>
      <c r="G10" s="163" t="s">
        <v>440</v>
      </c>
      <c r="H10" s="163" t="s">
        <v>441</v>
      </c>
      <c r="I10" s="163" t="s">
        <v>442</v>
      </c>
      <c r="J10" s="163" t="s">
        <v>443</v>
      </c>
      <c r="K10" s="163" t="s">
        <v>444</v>
      </c>
      <c r="L10" s="82"/>
    </row>
    <row r="11" spans="1:12" ht="343.2" customHeight="1">
      <c r="A11" s="165" t="s">
        <v>409</v>
      </c>
      <c r="B11" s="149" t="s">
        <v>146</v>
      </c>
      <c r="C11" s="144" t="s">
        <v>287</v>
      </c>
      <c r="D11" s="162" t="s">
        <v>447</v>
      </c>
      <c r="E11" s="162" t="s">
        <v>449</v>
      </c>
      <c r="F11" s="162" t="s">
        <v>450</v>
      </c>
      <c r="G11" s="162" t="s">
        <v>450</v>
      </c>
      <c r="H11" s="162" t="s">
        <v>448</v>
      </c>
      <c r="I11" s="162" t="s">
        <v>448</v>
      </c>
      <c r="J11" s="162" t="s">
        <v>451</v>
      </c>
      <c r="K11" s="162" t="s">
        <v>451</v>
      </c>
      <c r="L11" s="82"/>
    </row>
    <row r="12" spans="1:12" ht="252" customHeight="1">
      <c r="A12" s="165"/>
      <c r="B12" s="149" t="s">
        <v>286</v>
      </c>
      <c r="C12" s="144" t="s">
        <v>288</v>
      </c>
      <c r="D12" s="161" t="s">
        <v>412</v>
      </c>
      <c r="E12" s="161" t="s">
        <v>412</v>
      </c>
      <c r="F12" s="161" t="s">
        <v>412</v>
      </c>
      <c r="G12" s="161" t="s">
        <v>412</v>
      </c>
      <c r="H12" s="161" t="s">
        <v>412</v>
      </c>
      <c r="I12" s="161" t="s">
        <v>412</v>
      </c>
      <c r="J12" s="161" t="s">
        <v>412</v>
      </c>
      <c r="K12" s="161" t="s">
        <v>412</v>
      </c>
      <c r="L12" s="82"/>
    </row>
    <row r="13" spans="1:12" ht="69">
      <c r="A13" s="165"/>
      <c r="B13" s="149" t="s">
        <v>151</v>
      </c>
      <c r="C13" s="144" t="s">
        <v>284</v>
      </c>
      <c r="D13" s="160" t="s">
        <v>312</v>
      </c>
      <c r="E13" s="160" t="s">
        <v>312</v>
      </c>
      <c r="F13" s="160" t="s">
        <v>312</v>
      </c>
      <c r="G13" s="160" t="s">
        <v>312</v>
      </c>
      <c r="H13" s="160" t="s">
        <v>312</v>
      </c>
      <c r="I13" s="160" t="s">
        <v>312</v>
      </c>
      <c r="J13" s="160" t="s">
        <v>312</v>
      </c>
      <c r="K13" s="160" t="s">
        <v>312</v>
      </c>
      <c r="L13" s="82"/>
    </row>
    <row r="14" spans="1:12" s="88" customFormat="1" ht="124.2">
      <c r="A14" s="165"/>
      <c r="B14" s="149" t="s">
        <v>291</v>
      </c>
      <c r="C14" s="144" t="s">
        <v>283</v>
      </c>
      <c r="D14" s="160" t="s">
        <v>452</v>
      </c>
      <c r="E14" s="160" t="s">
        <v>452</v>
      </c>
      <c r="F14" s="160" t="s">
        <v>453</v>
      </c>
      <c r="G14" s="160" t="s">
        <v>453</v>
      </c>
      <c r="H14" s="160" t="s">
        <v>454</v>
      </c>
      <c r="I14" s="160" t="s">
        <v>454</v>
      </c>
      <c r="J14" s="160" t="s">
        <v>455</v>
      </c>
      <c r="K14" s="160" t="s">
        <v>455</v>
      </c>
      <c r="L14" s="82"/>
    </row>
    <row r="15" spans="1:12" ht="112.5" customHeight="1">
      <c r="A15" s="165"/>
      <c r="B15" s="150" t="s">
        <v>290</v>
      </c>
      <c r="C15" s="144" t="s">
        <v>289</v>
      </c>
      <c r="D15" s="161" t="s">
        <v>446</v>
      </c>
      <c r="E15" s="161" t="s">
        <v>293</v>
      </c>
      <c r="F15" s="161" t="s">
        <v>293</v>
      </c>
      <c r="G15" s="161" t="s">
        <v>293</v>
      </c>
      <c r="H15" s="161" t="s">
        <v>293</v>
      </c>
      <c r="I15" s="161" t="s">
        <v>293</v>
      </c>
      <c r="J15" s="161" t="s">
        <v>293</v>
      </c>
      <c r="K15" s="161" t="s">
        <v>293</v>
      </c>
      <c r="L15" s="82"/>
    </row>
    <row r="16" spans="1:12" ht="53.25" customHeight="1">
      <c r="A16" s="165"/>
      <c r="B16" s="149" t="s">
        <v>272</v>
      </c>
      <c r="C16" s="144" t="s">
        <v>281</v>
      </c>
      <c r="D16" s="160" t="s">
        <v>445</v>
      </c>
      <c r="E16" s="160" t="s">
        <v>445</v>
      </c>
      <c r="F16" s="160" t="s">
        <v>445</v>
      </c>
      <c r="G16" s="160" t="s">
        <v>445</v>
      </c>
      <c r="H16" s="160" t="s">
        <v>445</v>
      </c>
      <c r="I16" s="160" t="s">
        <v>445</v>
      </c>
      <c r="J16" s="160" t="s">
        <v>445</v>
      </c>
      <c r="K16" s="160" t="s">
        <v>292</v>
      </c>
      <c r="L16" s="82"/>
    </row>
    <row r="17" spans="1:12" ht="41.4">
      <c r="A17" s="165"/>
      <c r="B17" s="150" t="s">
        <v>148</v>
      </c>
      <c r="C17" s="144" t="s">
        <v>285</v>
      </c>
      <c r="D17" s="160" t="s">
        <v>282</v>
      </c>
      <c r="E17" s="160" t="s">
        <v>282</v>
      </c>
      <c r="F17" s="160" t="s">
        <v>282</v>
      </c>
      <c r="G17" s="160" t="s">
        <v>282</v>
      </c>
      <c r="H17" s="160" t="s">
        <v>282</v>
      </c>
      <c r="I17" s="160" t="s">
        <v>282</v>
      </c>
      <c r="J17" s="160" t="s">
        <v>282</v>
      </c>
      <c r="K17" s="160" t="s">
        <v>282</v>
      </c>
      <c r="L17" s="82"/>
    </row>
    <row r="18" spans="1:12">
      <c r="A18" s="165"/>
      <c r="B18" s="150" t="s">
        <v>149</v>
      </c>
      <c r="C18" s="144" t="s">
        <v>167</v>
      </c>
      <c r="D18" s="160" t="s">
        <v>167</v>
      </c>
      <c r="E18" s="160" t="s">
        <v>167</v>
      </c>
      <c r="F18" s="160" t="s">
        <v>167</v>
      </c>
      <c r="G18" s="160" t="s">
        <v>167</v>
      </c>
      <c r="H18" s="160" t="s">
        <v>167</v>
      </c>
      <c r="I18" s="160" t="s">
        <v>167</v>
      </c>
      <c r="J18" s="160" t="s">
        <v>167</v>
      </c>
      <c r="K18" s="160" t="s">
        <v>167</v>
      </c>
      <c r="L18" s="82"/>
    </row>
    <row r="19" spans="1:12">
      <c r="A19" s="165"/>
      <c r="B19" s="150" t="s">
        <v>150</v>
      </c>
      <c r="C19" s="144" t="s">
        <v>157</v>
      </c>
      <c r="D19" s="160" t="s">
        <v>165</v>
      </c>
      <c r="E19" s="160" t="s">
        <v>175</v>
      </c>
      <c r="F19" s="160" t="s">
        <v>165</v>
      </c>
      <c r="G19" s="160" t="s">
        <v>175</v>
      </c>
      <c r="H19" s="160" t="s">
        <v>165</v>
      </c>
      <c r="I19" s="160" t="s">
        <v>175</v>
      </c>
      <c r="J19" s="160" t="s">
        <v>165</v>
      </c>
      <c r="K19" s="160" t="s">
        <v>175</v>
      </c>
      <c r="L19" s="82"/>
    </row>
    <row r="20" spans="1:12" ht="27.6">
      <c r="A20" s="166"/>
      <c r="B20" s="149" t="s">
        <v>179</v>
      </c>
      <c r="C20" s="144" t="s">
        <v>277</v>
      </c>
      <c r="D20" s="161" t="s">
        <v>307</v>
      </c>
      <c r="E20" s="161" t="s">
        <v>307</v>
      </c>
      <c r="F20" s="161" t="s">
        <v>307</v>
      </c>
      <c r="G20" s="161" t="s">
        <v>307</v>
      </c>
      <c r="H20" s="161" t="s">
        <v>307</v>
      </c>
      <c r="I20" s="161" t="s">
        <v>307</v>
      </c>
      <c r="J20" s="161" t="s">
        <v>307</v>
      </c>
      <c r="K20" s="161" t="s">
        <v>307</v>
      </c>
      <c r="L20" s="82"/>
    </row>
    <row r="21" spans="1:12" ht="29.25" customHeight="1">
      <c r="A21" s="164" t="s">
        <v>169</v>
      </c>
      <c r="B21" s="150" t="s">
        <v>376</v>
      </c>
      <c r="C21" s="141" t="s">
        <v>387</v>
      </c>
      <c r="D21" s="160" t="s">
        <v>380</v>
      </c>
      <c r="E21" s="160" t="s">
        <v>381</v>
      </c>
      <c r="F21" s="160" t="s">
        <v>379</v>
      </c>
      <c r="G21" s="160" t="s">
        <v>382</v>
      </c>
      <c r="H21" s="160" t="s">
        <v>380</v>
      </c>
      <c r="I21" s="160" t="s">
        <v>381</v>
      </c>
      <c r="J21" s="160" t="s">
        <v>379</v>
      </c>
      <c r="K21" s="160" t="s">
        <v>382</v>
      </c>
      <c r="L21" s="82"/>
    </row>
    <row r="22" spans="1:12" ht="29.25" customHeight="1">
      <c r="A22" s="164"/>
      <c r="B22" s="150" t="s">
        <v>377</v>
      </c>
      <c r="C22" s="141" t="s">
        <v>387</v>
      </c>
      <c r="D22" s="160" t="s">
        <v>383</v>
      </c>
      <c r="E22" s="160" t="s">
        <v>383</v>
      </c>
      <c r="F22" s="160" t="s">
        <v>383</v>
      </c>
      <c r="G22" s="160" t="s">
        <v>383</v>
      </c>
      <c r="H22" s="160" t="s">
        <v>463</v>
      </c>
      <c r="I22" s="160" t="s">
        <v>463</v>
      </c>
      <c r="J22" s="160" t="s">
        <v>463</v>
      </c>
      <c r="K22" s="160" t="s">
        <v>463</v>
      </c>
      <c r="L22" s="82"/>
    </row>
    <row r="23" spans="1:12" ht="29.25" customHeight="1">
      <c r="A23" s="164"/>
      <c r="B23" s="150" t="s">
        <v>378</v>
      </c>
      <c r="C23" s="141" t="s">
        <v>387</v>
      </c>
      <c r="D23" s="160" t="s">
        <v>384</v>
      </c>
      <c r="E23" s="160" t="s">
        <v>385</v>
      </c>
      <c r="F23" s="160" t="s">
        <v>460</v>
      </c>
      <c r="G23" s="160" t="s">
        <v>385</v>
      </c>
      <c r="H23" s="160" t="s">
        <v>384</v>
      </c>
      <c r="I23" s="160" t="s">
        <v>385</v>
      </c>
      <c r="J23" s="160" t="s">
        <v>460</v>
      </c>
      <c r="K23" s="160" t="s">
        <v>385</v>
      </c>
      <c r="L23" s="82"/>
    </row>
    <row r="24" spans="1:12" ht="29.25" customHeight="1">
      <c r="A24" s="164"/>
      <c r="B24" s="150" t="s">
        <v>153</v>
      </c>
      <c r="C24" s="141" t="s">
        <v>386</v>
      </c>
      <c r="D24" s="160" t="s">
        <v>458</v>
      </c>
      <c r="E24" s="160" t="s">
        <v>459</v>
      </c>
      <c r="F24" s="160" t="s">
        <v>461</v>
      </c>
      <c r="G24" s="160" t="s">
        <v>462</v>
      </c>
      <c r="H24" s="160" t="s">
        <v>464</v>
      </c>
      <c r="I24" s="160" t="s">
        <v>465</v>
      </c>
      <c r="J24" s="160" t="s">
        <v>466</v>
      </c>
      <c r="K24" s="160" t="s">
        <v>467</v>
      </c>
      <c r="L24" s="82"/>
    </row>
    <row r="25" spans="1:12" ht="29.25" customHeight="1">
      <c r="A25" s="164"/>
      <c r="B25" s="150" t="s">
        <v>154</v>
      </c>
      <c r="C25" s="141" t="s">
        <v>366</v>
      </c>
      <c r="D25" s="161" t="s">
        <v>456</v>
      </c>
      <c r="E25" s="161" t="s">
        <v>244</v>
      </c>
      <c r="F25" s="161" t="s">
        <v>457</v>
      </c>
      <c r="G25" s="161" t="s">
        <v>244</v>
      </c>
      <c r="H25" s="161" t="s">
        <v>456</v>
      </c>
      <c r="I25" s="161" t="s">
        <v>244</v>
      </c>
      <c r="J25" s="161" t="s">
        <v>457</v>
      </c>
      <c r="K25" s="161" t="s">
        <v>244</v>
      </c>
      <c r="L25" s="82"/>
    </row>
    <row r="26" spans="1:12" ht="29.25" customHeight="1">
      <c r="A26" s="164" t="s">
        <v>415</v>
      </c>
      <c r="B26" s="149" t="s">
        <v>416</v>
      </c>
      <c r="C26" s="146" t="s">
        <v>405</v>
      </c>
      <c r="D26" s="160" t="s">
        <v>430</v>
      </c>
      <c r="E26" s="160" t="s">
        <v>429</v>
      </c>
      <c r="F26" s="160" t="s">
        <v>431</v>
      </c>
      <c r="G26" s="160" t="s">
        <v>432</v>
      </c>
      <c r="H26" s="160" t="s">
        <v>433</v>
      </c>
      <c r="I26" s="160" t="s">
        <v>434</v>
      </c>
      <c r="J26" s="160" t="s">
        <v>435</v>
      </c>
      <c r="K26" s="160" t="s">
        <v>436</v>
      </c>
      <c r="L26" s="82"/>
    </row>
    <row r="27" spans="1:12" ht="29.25" customHeight="1">
      <c r="A27" s="164"/>
      <c r="B27" s="149" t="s">
        <v>417</v>
      </c>
      <c r="C27" s="146" t="s">
        <v>406</v>
      </c>
      <c r="D27" s="160" t="s">
        <v>468</v>
      </c>
      <c r="E27" s="160" t="s">
        <v>468</v>
      </c>
      <c r="F27" s="160" t="s">
        <v>468</v>
      </c>
      <c r="G27" s="160" t="s">
        <v>468</v>
      </c>
      <c r="H27" s="160" t="s">
        <v>469</v>
      </c>
      <c r="I27" s="160" t="s">
        <v>469</v>
      </c>
      <c r="J27" s="160" t="s">
        <v>469</v>
      </c>
      <c r="K27" s="160" t="s">
        <v>469</v>
      </c>
      <c r="L27" s="82"/>
    </row>
    <row r="28" spans="1:12" ht="29.25" customHeight="1">
      <c r="A28" s="164"/>
      <c r="B28" s="149" t="s">
        <v>417</v>
      </c>
      <c r="C28" s="146" t="s">
        <v>279</v>
      </c>
      <c r="D28" s="160"/>
      <c r="E28" s="160"/>
      <c r="F28" s="160"/>
      <c r="G28" s="160"/>
      <c r="H28" s="160"/>
      <c r="I28" s="160"/>
      <c r="J28" s="160"/>
      <c r="K28" s="160"/>
      <c r="L28" s="82"/>
    </row>
    <row r="29" spans="1:12" ht="29.25" customHeight="1">
      <c r="A29" s="164" t="s">
        <v>218</v>
      </c>
      <c r="B29" s="149" t="s">
        <v>278</v>
      </c>
      <c r="C29" s="146" t="s">
        <v>407</v>
      </c>
      <c r="D29" s="160"/>
      <c r="E29" s="160"/>
      <c r="F29" s="160"/>
      <c r="G29" s="160"/>
      <c r="H29" s="160"/>
      <c r="I29" s="160"/>
      <c r="J29" s="160"/>
      <c r="K29" s="160"/>
      <c r="L29" s="82"/>
    </row>
    <row r="30" spans="1:12" ht="29.25" customHeight="1">
      <c r="A30" s="164"/>
      <c r="B30" s="149" t="s">
        <v>278</v>
      </c>
      <c r="C30" s="146" t="s">
        <v>407</v>
      </c>
      <c r="D30" s="160"/>
      <c r="E30" s="160"/>
      <c r="F30" s="160"/>
      <c r="G30" s="160"/>
      <c r="H30" s="160"/>
      <c r="I30" s="160"/>
      <c r="J30" s="160"/>
      <c r="K30" s="160"/>
      <c r="L30" s="82"/>
    </row>
    <row r="31" spans="1:12" ht="29.25" customHeight="1">
      <c r="A31" s="164"/>
      <c r="B31" s="149" t="s">
        <v>162</v>
      </c>
      <c r="C31" s="84" t="s">
        <v>162</v>
      </c>
      <c r="D31" s="83"/>
      <c r="E31" s="83"/>
      <c r="F31" s="83"/>
      <c r="G31" s="83"/>
      <c r="H31" s="83"/>
      <c r="I31" s="83"/>
      <c r="J31" s="83"/>
      <c r="K31" s="83"/>
      <c r="L31" s="82"/>
    </row>
    <row r="32" spans="1:12" ht="29.25" customHeight="1">
      <c r="A32" s="164"/>
      <c r="B32" s="149" t="s">
        <v>163</v>
      </c>
      <c r="C32" s="84" t="s">
        <v>163</v>
      </c>
      <c r="D32" s="83"/>
      <c r="E32" s="83"/>
      <c r="F32" s="83"/>
      <c r="G32" s="83"/>
      <c r="H32" s="83"/>
      <c r="I32" s="83"/>
      <c r="J32" s="83"/>
      <c r="K32" s="83"/>
      <c r="L32" s="82"/>
    </row>
    <row r="33" spans="1:12" ht="29.25" customHeight="1">
      <c r="A33" s="164" t="s">
        <v>177</v>
      </c>
      <c r="B33" s="149" t="s">
        <v>170</v>
      </c>
      <c r="C33" s="145" t="s">
        <v>375</v>
      </c>
      <c r="D33" s="83" t="s">
        <v>317</v>
      </c>
      <c r="E33" s="83" t="s">
        <v>317</v>
      </c>
      <c r="F33" s="83" t="s">
        <v>317</v>
      </c>
      <c r="G33" s="83" t="s">
        <v>317</v>
      </c>
      <c r="H33" s="83" t="s">
        <v>317</v>
      </c>
      <c r="I33" s="83" t="s">
        <v>317</v>
      </c>
      <c r="J33" s="83" t="s">
        <v>317</v>
      </c>
      <c r="K33" s="83" t="s">
        <v>317</v>
      </c>
      <c r="L33" s="82"/>
    </row>
    <row r="34" spans="1:12" ht="29.25" customHeight="1">
      <c r="A34" s="164"/>
      <c r="B34" s="149" t="s">
        <v>160</v>
      </c>
      <c r="C34" s="145" t="s">
        <v>375</v>
      </c>
      <c r="D34" s="83" t="s">
        <v>318</v>
      </c>
      <c r="E34" s="83" t="s">
        <v>318</v>
      </c>
      <c r="F34" s="83" t="s">
        <v>318</v>
      </c>
      <c r="G34" s="83" t="s">
        <v>318</v>
      </c>
      <c r="H34" s="83" t="s">
        <v>318</v>
      </c>
      <c r="I34" s="83" t="s">
        <v>318</v>
      </c>
      <c r="J34" s="83" t="s">
        <v>318</v>
      </c>
      <c r="K34" s="83" t="s">
        <v>318</v>
      </c>
      <c r="L34" s="82"/>
    </row>
    <row r="35" spans="1:12" ht="29.25" customHeight="1">
      <c r="A35" s="164"/>
      <c r="B35" s="149" t="s">
        <v>161</v>
      </c>
      <c r="C35" s="145" t="s">
        <v>375</v>
      </c>
      <c r="D35" s="83" t="s">
        <v>319</v>
      </c>
      <c r="E35" s="83" t="s">
        <v>319</v>
      </c>
      <c r="F35" s="83" t="s">
        <v>319</v>
      </c>
      <c r="G35" s="83" t="s">
        <v>319</v>
      </c>
      <c r="H35" s="83" t="s">
        <v>319</v>
      </c>
      <c r="I35" s="83" t="s">
        <v>319</v>
      </c>
      <c r="J35" s="83" t="s">
        <v>319</v>
      </c>
      <c r="K35" s="83" t="s">
        <v>319</v>
      </c>
      <c r="L35" s="82"/>
    </row>
    <row r="36" spans="1:12" ht="29.25" customHeight="1">
      <c r="A36" s="164"/>
      <c r="B36" s="149" t="s">
        <v>325</v>
      </c>
      <c r="C36" s="145" t="s">
        <v>375</v>
      </c>
      <c r="D36" s="83" t="s">
        <v>320</v>
      </c>
      <c r="E36" s="83" t="s">
        <v>320</v>
      </c>
      <c r="F36" s="83" t="s">
        <v>320</v>
      </c>
      <c r="G36" s="83" t="s">
        <v>320</v>
      </c>
      <c r="H36" s="83" t="s">
        <v>320</v>
      </c>
      <c r="I36" s="83" t="s">
        <v>320</v>
      </c>
      <c r="J36" s="83" t="s">
        <v>320</v>
      </c>
      <c r="K36" s="83" t="s">
        <v>320</v>
      </c>
      <c r="L36" s="82"/>
    </row>
    <row r="37" spans="1:12" ht="29.25" customHeight="1">
      <c r="A37" s="164"/>
      <c r="B37" s="149" t="s">
        <v>326</v>
      </c>
      <c r="C37" s="145" t="s">
        <v>375</v>
      </c>
      <c r="D37" s="83" t="s">
        <v>321</v>
      </c>
      <c r="E37" s="83" t="s">
        <v>321</v>
      </c>
      <c r="F37" s="83" t="s">
        <v>321</v>
      </c>
      <c r="G37" s="83" t="s">
        <v>321</v>
      </c>
      <c r="H37" s="83" t="s">
        <v>321</v>
      </c>
      <c r="I37" s="83" t="s">
        <v>321</v>
      </c>
      <c r="J37" s="83" t="s">
        <v>321</v>
      </c>
      <c r="K37" s="83" t="s">
        <v>321</v>
      </c>
      <c r="L37" s="82"/>
    </row>
    <row r="38" spans="1:12" ht="29.25" customHeight="1">
      <c r="A38" s="164"/>
      <c r="B38" s="149" t="s">
        <v>327</v>
      </c>
      <c r="C38" s="145" t="s">
        <v>375</v>
      </c>
      <c r="D38" s="83" t="s">
        <v>322</v>
      </c>
      <c r="E38" s="83" t="s">
        <v>322</v>
      </c>
      <c r="F38" s="83" t="s">
        <v>322</v>
      </c>
      <c r="G38" s="83" t="s">
        <v>322</v>
      </c>
      <c r="H38" s="83" t="s">
        <v>322</v>
      </c>
      <c r="I38" s="83" t="s">
        <v>322</v>
      </c>
      <c r="J38" s="83" t="s">
        <v>322</v>
      </c>
      <c r="K38" s="83" t="s">
        <v>322</v>
      </c>
      <c r="L38" s="82"/>
    </row>
    <row r="39" spans="1:12" ht="29.25" customHeight="1">
      <c r="A39" s="164"/>
      <c r="B39" s="149" t="s">
        <v>328</v>
      </c>
      <c r="C39" s="145" t="s">
        <v>375</v>
      </c>
      <c r="D39" s="83" t="s">
        <v>323</v>
      </c>
      <c r="E39" s="83" t="s">
        <v>323</v>
      </c>
      <c r="F39" s="83" t="s">
        <v>323</v>
      </c>
      <c r="G39" s="83" t="s">
        <v>323</v>
      </c>
      <c r="H39" s="83" t="s">
        <v>323</v>
      </c>
      <c r="I39" s="83" t="s">
        <v>323</v>
      </c>
      <c r="J39" s="83" t="s">
        <v>323</v>
      </c>
      <c r="K39" s="83" t="s">
        <v>323</v>
      </c>
      <c r="L39" s="82"/>
    </row>
    <row r="40" spans="1:12" ht="29.25" customHeight="1">
      <c r="A40" s="164"/>
      <c r="B40" s="149" t="s">
        <v>329</v>
      </c>
      <c r="C40" s="145" t="s">
        <v>375</v>
      </c>
      <c r="D40" s="83" t="s">
        <v>324</v>
      </c>
      <c r="E40" s="83" t="s">
        <v>324</v>
      </c>
      <c r="F40" s="83" t="s">
        <v>324</v>
      </c>
      <c r="G40" s="83" t="s">
        <v>324</v>
      </c>
      <c r="H40" s="83" t="s">
        <v>324</v>
      </c>
      <c r="I40" s="83" t="s">
        <v>324</v>
      </c>
      <c r="J40" s="83" t="s">
        <v>324</v>
      </c>
      <c r="K40" s="83" t="s">
        <v>324</v>
      </c>
      <c r="L40" s="82"/>
    </row>
    <row r="41" spans="1:12" ht="29.25" customHeight="1">
      <c r="A41" s="164"/>
      <c r="B41" s="149" t="s">
        <v>330</v>
      </c>
      <c r="C41" s="145" t="s">
        <v>375</v>
      </c>
      <c r="D41" s="83"/>
      <c r="E41" s="83"/>
      <c r="F41" s="83"/>
      <c r="G41" s="83"/>
      <c r="H41" s="83"/>
      <c r="I41" s="83"/>
      <c r="J41" s="83"/>
      <c r="K41" s="83"/>
      <c r="L41" s="82"/>
    </row>
    <row r="42" spans="1:12" ht="29.25" customHeight="1">
      <c r="A42" s="164"/>
      <c r="B42" s="149" t="s">
        <v>331</v>
      </c>
      <c r="C42" s="145" t="s">
        <v>375</v>
      </c>
      <c r="D42" s="83"/>
      <c r="E42" s="83"/>
      <c r="F42" s="83"/>
      <c r="G42" s="83"/>
      <c r="H42" s="160"/>
      <c r="I42" s="83"/>
      <c r="J42" s="83"/>
      <c r="K42" s="83"/>
      <c r="L42" s="82"/>
    </row>
    <row r="43" spans="1:12" ht="29.25" customHeight="1">
      <c r="A43" s="164"/>
      <c r="B43" s="149" t="s">
        <v>332</v>
      </c>
      <c r="C43" s="145" t="s">
        <v>375</v>
      </c>
      <c r="D43" s="83"/>
      <c r="E43" s="83"/>
      <c r="F43" s="83"/>
      <c r="G43" s="83"/>
      <c r="H43" s="160"/>
      <c r="I43" s="83"/>
      <c r="J43" s="83"/>
      <c r="K43" s="83"/>
      <c r="L43" s="82"/>
    </row>
    <row r="44" spans="1:12" ht="28.5" customHeight="1">
      <c r="A44" s="151" t="s">
        <v>333</v>
      </c>
      <c r="B44" s="149" t="s">
        <v>334</v>
      </c>
      <c r="C44" s="147" t="s">
        <v>374</v>
      </c>
      <c r="D44" s="160" t="s">
        <v>429</v>
      </c>
      <c r="E44" s="160" t="s">
        <v>430</v>
      </c>
      <c r="F44" s="160" t="s">
        <v>430</v>
      </c>
      <c r="G44" s="160" t="s">
        <v>430</v>
      </c>
      <c r="H44" s="160" t="s">
        <v>434</v>
      </c>
      <c r="I44" s="160" t="s">
        <v>433</v>
      </c>
      <c r="J44" s="160" t="s">
        <v>436</v>
      </c>
      <c r="K44" s="160" t="s">
        <v>435</v>
      </c>
      <c r="L44" s="82"/>
    </row>
    <row r="45" spans="1:12" ht="28.5" customHeight="1">
      <c r="A45" s="151" t="s">
        <v>333</v>
      </c>
      <c r="B45" s="149" t="s">
        <v>335</v>
      </c>
      <c r="C45" s="147" t="s">
        <v>374</v>
      </c>
      <c r="D45" s="160" t="s">
        <v>431</v>
      </c>
      <c r="E45" s="160" t="s">
        <v>431</v>
      </c>
      <c r="F45" s="160" t="s">
        <v>432</v>
      </c>
      <c r="G45" s="160" t="s">
        <v>431</v>
      </c>
      <c r="H45" s="160" t="s">
        <v>435</v>
      </c>
      <c r="I45" s="160" t="s">
        <v>435</v>
      </c>
      <c r="J45" s="160" t="s">
        <v>433</v>
      </c>
      <c r="K45" s="160" t="s">
        <v>434</v>
      </c>
      <c r="L45" s="82"/>
    </row>
    <row r="46" spans="1:12" ht="28.5" customHeight="1">
      <c r="A46" s="151" t="s">
        <v>333</v>
      </c>
      <c r="B46" s="149" t="s">
        <v>336</v>
      </c>
      <c r="C46" s="147" t="s">
        <v>374</v>
      </c>
      <c r="D46" s="160" t="s">
        <v>433</v>
      </c>
      <c r="E46" s="160" t="s">
        <v>433</v>
      </c>
      <c r="F46" s="160" t="s">
        <v>433</v>
      </c>
      <c r="G46" s="160" t="s">
        <v>433</v>
      </c>
      <c r="H46" s="160" t="s">
        <v>430</v>
      </c>
      <c r="I46" s="160" t="s">
        <v>430</v>
      </c>
      <c r="J46" s="160" t="s">
        <v>430</v>
      </c>
      <c r="K46" s="160" t="s">
        <v>430</v>
      </c>
      <c r="L46" s="82"/>
    </row>
    <row r="47" spans="1:12" ht="28.5" customHeight="1">
      <c r="A47" s="151" t="s">
        <v>333</v>
      </c>
      <c r="B47" s="149" t="s">
        <v>337</v>
      </c>
      <c r="C47" s="147" t="s">
        <v>374</v>
      </c>
      <c r="D47" s="83" t="s">
        <v>400</v>
      </c>
      <c r="E47" s="83" t="s">
        <v>400</v>
      </c>
      <c r="F47" s="83" t="s">
        <v>400</v>
      </c>
      <c r="G47" s="83" t="s">
        <v>400</v>
      </c>
      <c r="H47" s="83" t="s">
        <v>400</v>
      </c>
      <c r="I47" s="83" t="s">
        <v>400</v>
      </c>
      <c r="J47" s="83" t="s">
        <v>400</v>
      </c>
      <c r="K47" s="83" t="s">
        <v>400</v>
      </c>
      <c r="L47" s="82"/>
    </row>
    <row r="48" spans="1:12" ht="28.5" customHeight="1">
      <c r="A48" s="151" t="s">
        <v>333</v>
      </c>
      <c r="B48" s="149" t="s">
        <v>338</v>
      </c>
      <c r="C48" s="147" t="s">
        <v>374</v>
      </c>
      <c r="D48" s="83" t="s">
        <v>401</v>
      </c>
      <c r="E48" s="83" t="s">
        <v>401</v>
      </c>
      <c r="F48" s="83" t="s">
        <v>401</v>
      </c>
      <c r="G48" s="83" t="s">
        <v>401</v>
      </c>
      <c r="H48" s="83" t="s">
        <v>401</v>
      </c>
      <c r="I48" s="83" t="s">
        <v>401</v>
      </c>
      <c r="J48" s="83" t="s">
        <v>401</v>
      </c>
      <c r="K48" s="83" t="s">
        <v>401</v>
      </c>
      <c r="L48" s="82"/>
    </row>
    <row r="49" spans="1:12" ht="28.5" customHeight="1">
      <c r="A49" s="151" t="s">
        <v>333</v>
      </c>
      <c r="B49" s="149" t="s">
        <v>339</v>
      </c>
      <c r="C49" s="147" t="s">
        <v>374</v>
      </c>
      <c r="D49" s="83" t="s">
        <v>402</v>
      </c>
      <c r="E49" s="83" t="s">
        <v>402</v>
      </c>
      <c r="F49" s="83" t="s">
        <v>402</v>
      </c>
      <c r="G49" s="83" t="s">
        <v>402</v>
      </c>
      <c r="H49" s="83" t="s">
        <v>402</v>
      </c>
      <c r="I49" s="83" t="s">
        <v>402</v>
      </c>
      <c r="J49" s="83" t="s">
        <v>402</v>
      </c>
      <c r="K49" s="83" t="s">
        <v>402</v>
      </c>
      <c r="L49" s="82"/>
    </row>
    <row r="50" spans="1:12" ht="28.5" customHeight="1">
      <c r="A50" s="151" t="s">
        <v>333</v>
      </c>
      <c r="B50" s="149" t="s">
        <v>340</v>
      </c>
      <c r="C50" s="147" t="s">
        <v>374</v>
      </c>
      <c r="D50" s="83" t="s">
        <v>403</v>
      </c>
      <c r="E50" s="83" t="s">
        <v>403</v>
      </c>
      <c r="F50" s="83" t="s">
        <v>403</v>
      </c>
      <c r="G50" s="83" t="s">
        <v>403</v>
      </c>
      <c r="H50" s="83" t="s">
        <v>403</v>
      </c>
      <c r="I50" s="83" t="s">
        <v>403</v>
      </c>
      <c r="J50" s="83" t="s">
        <v>403</v>
      </c>
      <c r="K50" s="83" t="s">
        <v>403</v>
      </c>
      <c r="L50" s="82"/>
    </row>
    <row r="51" spans="1:12" ht="28.5" customHeight="1">
      <c r="A51" s="151" t="s">
        <v>333</v>
      </c>
      <c r="B51" s="149" t="s">
        <v>341</v>
      </c>
      <c r="C51" s="147" t="s">
        <v>374</v>
      </c>
      <c r="D51" s="83" t="s">
        <v>404</v>
      </c>
      <c r="E51" s="83" t="s">
        <v>404</v>
      </c>
      <c r="F51" s="83" t="s">
        <v>404</v>
      </c>
      <c r="G51" s="83" t="s">
        <v>404</v>
      </c>
      <c r="H51" s="83" t="s">
        <v>404</v>
      </c>
      <c r="I51" s="83" t="s">
        <v>404</v>
      </c>
      <c r="J51" s="83" t="s">
        <v>404</v>
      </c>
      <c r="K51" s="83" t="s">
        <v>404</v>
      </c>
      <c r="L51" s="82"/>
    </row>
    <row r="52" spans="1:12" ht="28.5" customHeight="1">
      <c r="A52" s="151" t="s">
        <v>333</v>
      </c>
      <c r="B52" s="149" t="s">
        <v>342</v>
      </c>
      <c r="C52" s="147" t="s">
        <v>374</v>
      </c>
      <c r="D52" s="83" t="s">
        <v>388</v>
      </c>
      <c r="E52" s="83" t="s">
        <v>388</v>
      </c>
      <c r="F52" s="83" t="s">
        <v>388</v>
      </c>
      <c r="G52" s="83" t="s">
        <v>388</v>
      </c>
      <c r="H52" s="83" t="s">
        <v>388</v>
      </c>
      <c r="I52" s="83" t="s">
        <v>388</v>
      </c>
      <c r="J52" s="83" t="s">
        <v>388</v>
      </c>
      <c r="K52" s="83" t="s">
        <v>388</v>
      </c>
      <c r="L52" s="82"/>
    </row>
    <row r="53" spans="1:12" ht="28.5" customHeight="1">
      <c r="A53" s="151" t="s">
        <v>333</v>
      </c>
      <c r="B53" s="149" t="s">
        <v>343</v>
      </c>
      <c r="C53" s="147" t="s">
        <v>374</v>
      </c>
      <c r="D53" s="83" t="s">
        <v>389</v>
      </c>
      <c r="E53" s="83" t="s">
        <v>389</v>
      </c>
      <c r="F53" s="83" t="s">
        <v>389</v>
      </c>
      <c r="G53" s="83" t="s">
        <v>389</v>
      </c>
      <c r="H53" s="83" t="s">
        <v>389</v>
      </c>
      <c r="I53" s="83" t="s">
        <v>389</v>
      </c>
      <c r="J53" s="83" t="s">
        <v>389</v>
      </c>
      <c r="K53" s="83" t="s">
        <v>389</v>
      </c>
      <c r="L53" s="82"/>
    </row>
    <row r="54" spans="1:12" ht="28.5" customHeight="1">
      <c r="A54" s="151" t="s">
        <v>333</v>
      </c>
      <c r="B54" s="149" t="s">
        <v>344</v>
      </c>
      <c r="C54" s="147" t="s">
        <v>374</v>
      </c>
      <c r="D54" s="83" t="s">
        <v>390</v>
      </c>
      <c r="E54" s="83" t="s">
        <v>390</v>
      </c>
      <c r="F54" s="83" t="s">
        <v>390</v>
      </c>
      <c r="G54" s="83" t="s">
        <v>390</v>
      </c>
      <c r="H54" s="83" t="s">
        <v>390</v>
      </c>
      <c r="I54" s="83" t="s">
        <v>390</v>
      </c>
      <c r="J54" s="83" t="s">
        <v>390</v>
      </c>
      <c r="K54" s="83" t="s">
        <v>390</v>
      </c>
      <c r="L54" s="82"/>
    </row>
    <row r="55" spans="1:12" ht="28.5" customHeight="1">
      <c r="A55" s="151" t="s">
        <v>333</v>
      </c>
      <c r="B55" s="149" t="s">
        <v>345</v>
      </c>
      <c r="C55" s="147" t="s">
        <v>374</v>
      </c>
      <c r="D55" s="83" t="s">
        <v>391</v>
      </c>
      <c r="E55" s="83" t="s">
        <v>391</v>
      </c>
      <c r="F55" s="83" t="s">
        <v>391</v>
      </c>
      <c r="G55" s="83" t="s">
        <v>391</v>
      </c>
      <c r="H55" s="83" t="s">
        <v>391</v>
      </c>
      <c r="I55" s="83" t="s">
        <v>391</v>
      </c>
      <c r="J55" s="83" t="s">
        <v>391</v>
      </c>
      <c r="K55" s="83" t="s">
        <v>391</v>
      </c>
      <c r="L55" s="82"/>
    </row>
    <row r="56" spans="1:12" ht="28.5" customHeight="1">
      <c r="A56" s="151" t="s">
        <v>333</v>
      </c>
      <c r="B56" s="149" t="s">
        <v>346</v>
      </c>
      <c r="C56" s="147" t="s">
        <v>374</v>
      </c>
      <c r="D56" s="83" t="s">
        <v>392</v>
      </c>
      <c r="E56" s="83" t="s">
        <v>392</v>
      </c>
      <c r="F56" s="83" t="s">
        <v>392</v>
      </c>
      <c r="G56" s="83" t="s">
        <v>392</v>
      </c>
      <c r="H56" s="83" t="s">
        <v>392</v>
      </c>
      <c r="I56" s="83" t="s">
        <v>392</v>
      </c>
      <c r="J56" s="83" t="s">
        <v>392</v>
      </c>
      <c r="K56" s="83" t="s">
        <v>392</v>
      </c>
      <c r="L56" s="82"/>
    </row>
    <row r="57" spans="1:12" ht="28.5" customHeight="1">
      <c r="A57" s="151" t="s">
        <v>333</v>
      </c>
      <c r="B57" s="149" t="s">
        <v>347</v>
      </c>
      <c r="C57" s="147" t="s">
        <v>374</v>
      </c>
      <c r="D57" s="83" t="s">
        <v>393</v>
      </c>
      <c r="E57" s="83" t="s">
        <v>393</v>
      </c>
      <c r="F57" s="83" t="s">
        <v>393</v>
      </c>
      <c r="G57" s="83" t="s">
        <v>393</v>
      </c>
      <c r="H57" s="83" t="s">
        <v>393</v>
      </c>
      <c r="I57" s="83" t="s">
        <v>393</v>
      </c>
      <c r="J57" s="83" t="s">
        <v>393</v>
      </c>
      <c r="K57" s="83" t="s">
        <v>393</v>
      </c>
      <c r="L57" s="82"/>
    </row>
    <row r="58" spans="1:12" ht="28.5" customHeight="1">
      <c r="A58" s="151" t="s">
        <v>333</v>
      </c>
      <c r="B58" s="149" t="s">
        <v>348</v>
      </c>
      <c r="C58" s="147" t="s">
        <v>374</v>
      </c>
      <c r="D58" s="83" t="s">
        <v>394</v>
      </c>
      <c r="E58" s="83" t="s">
        <v>394</v>
      </c>
      <c r="F58" s="83" t="s">
        <v>394</v>
      </c>
      <c r="G58" s="83" t="s">
        <v>394</v>
      </c>
      <c r="H58" s="83" t="s">
        <v>394</v>
      </c>
      <c r="I58" s="83" t="s">
        <v>394</v>
      </c>
      <c r="J58" s="83" t="s">
        <v>394</v>
      </c>
      <c r="K58" s="83" t="s">
        <v>394</v>
      </c>
      <c r="L58" s="82"/>
    </row>
    <row r="59" spans="1:12" ht="28.5" customHeight="1">
      <c r="A59" s="151" t="s">
        <v>333</v>
      </c>
      <c r="B59" s="149" t="s">
        <v>349</v>
      </c>
      <c r="C59" s="147" t="s">
        <v>374</v>
      </c>
      <c r="D59" s="83" t="s">
        <v>395</v>
      </c>
      <c r="E59" s="83" t="s">
        <v>395</v>
      </c>
      <c r="F59" s="83" t="s">
        <v>395</v>
      </c>
      <c r="G59" s="83" t="s">
        <v>395</v>
      </c>
      <c r="H59" s="83" t="s">
        <v>395</v>
      </c>
      <c r="I59" s="83" t="s">
        <v>395</v>
      </c>
      <c r="J59" s="83" t="s">
        <v>395</v>
      </c>
      <c r="K59" s="83" t="s">
        <v>395</v>
      </c>
      <c r="L59" s="82"/>
    </row>
    <row r="60" spans="1:12" ht="28.5" customHeight="1">
      <c r="A60" s="151" t="s">
        <v>333</v>
      </c>
      <c r="B60" s="149" t="s">
        <v>350</v>
      </c>
      <c r="C60" s="147" t="s">
        <v>374</v>
      </c>
      <c r="D60" s="83" t="s">
        <v>396</v>
      </c>
      <c r="E60" s="83" t="s">
        <v>396</v>
      </c>
      <c r="F60" s="83" t="s">
        <v>396</v>
      </c>
      <c r="G60" s="83" t="s">
        <v>396</v>
      </c>
      <c r="H60" s="83" t="s">
        <v>396</v>
      </c>
      <c r="I60" s="83" t="s">
        <v>396</v>
      </c>
      <c r="J60" s="83" t="s">
        <v>396</v>
      </c>
      <c r="K60" s="83" t="s">
        <v>396</v>
      </c>
      <c r="L60" s="82"/>
    </row>
    <row r="61" spans="1:12" ht="28.5" customHeight="1">
      <c r="A61" s="151" t="s">
        <v>333</v>
      </c>
      <c r="B61" s="149" t="s">
        <v>351</v>
      </c>
      <c r="C61" s="147" t="s">
        <v>374</v>
      </c>
      <c r="D61" s="83" t="s">
        <v>397</v>
      </c>
      <c r="E61" s="83" t="s">
        <v>397</v>
      </c>
      <c r="F61" s="83" t="s">
        <v>397</v>
      </c>
      <c r="G61" s="83" t="s">
        <v>397</v>
      </c>
      <c r="H61" s="83" t="s">
        <v>397</v>
      </c>
      <c r="I61" s="83" t="s">
        <v>397</v>
      </c>
      <c r="J61" s="83" t="s">
        <v>397</v>
      </c>
      <c r="K61" s="83" t="s">
        <v>397</v>
      </c>
      <c r="L61" s="82"/>
    </row>
    <row r="62" spans="1:12" ht="28.5" customHeight="1">
      <c r="A62" s="151" t="s">
        <v>333</v>
      </c>
      <c r="B62" s="149" t="s">
        <v>352</v>
      </c>
      <c r="C62" s="147" t="s">
        <v>374</v>
      </c>
      <c r="D62" s="83" t="s">
        <v>398</v>
      </c>
      <c r="E62" s="83" t="s">
        <v>398</v>
      </c>
      <c r="F62" s="83" t="s">
        <v>398</v>
      </c>
      <c r="G62" s="83" t="s">
        <v>398</v>
      </c>
      <c r="H62" s="83" t="s">
        <v>398</v>
      </c>
      <c r="I62" s="83" t="s">
        <v>398</v>
      </c>
      <c r="J62" s="83" t="s">
        <v>398</v>
      </c>
      <c r="K62" s="83" t="s">
        <v>398</v>
      </c>
      <c r="L62" s="82"/>
    </row>
    <row r="63" spans="1:12" ht="28.5" customHeight="1">
      <c r="A63" s="151" t="s">
        <v>333</v>
      </c>
      <c r="B63" s="149" t="s">
        <v>353</v>
      </c>
      <c r="C63" s="147" t="s">
        <v>374</v>
      </c>
      <c r="D63" s="83" t="s">
        <v>399</v>
      </c>
      <c r="E63" s="83" t="s">
        <v>399</v>
      </c>
      <c r="F63" s="83" t="s">
        <v>399</v>
      </c>
      <c r="G63" s="83" t="s">
        <v>399</v>
      </c>
      <c r="H63" s="83" t="s">
        <v>399</v>
      </c>
      <c r="I63" s="83" t="s">
        <v>399</v>
      </c>
      <c r="J63" s="83" t="s">
        <v>399</v>
      </c>
      <c r="K63" s="83" t="s">
        <v>399</v>
      </c>
      <c r="L63" s="82"/>
    </row>
    <row r="64" spans="1:12" ht="28.5" customHeight="1">
      <c r="A64" s="151" t="s">
        <v>333</v>
      </c>
      <c r="B64" s="149" t="s">
        <v>354</v>
      </c>
      <c r="C64" s="147" t="s">
        <v>374</v>
      </c>
      <c r="D64" s="83"/>
      <c r="E64" s="83"/>
      <c r="F64" s="83"/>
      <c r="G64" s="83"/>
      <c r="H64" s="83"/>
      <c r="I64" s="83"/>
      <c r="J64" s="83"/>
      <c r="K64" s="83"/>
      <c r="L64" s="82"/>
    </row>
    <row r="65" spans="1:12" ht="28.5" customHeight="1">
      <c r="A65" s="151" t="s">
        <v>333</v>
      </c>
      <c r="B65" s="149" t="s">
        <v>355</v>
      </c>
      <c r="C65" s="147" t="s">
        <v>374</v>
      </c>
      <c r="D65" s="83"/>
      <c r="E65" s="83"/>
      <c r="F65" s="83"/>
      <c r="G65" s="83"/>
      <c r="H65" s="83"/>
      <c r="I65" s="83"/>
      <c r="J65" s="83"/>
      <c r="K65" s="83"/>
      <c r="L65" s="82"/>
    </row>
    <row r="66" spans="1:12" ht="28.5" customHeight="1">
      <c r="A66" s="151" t="s">
        <v>333</v>
      </c>
      <c r="B66" s="149" t="s">
        <v>356</v>
      </c>
      <c r="C66" s="147" t="s">
        <v>374</v>
      </c>
      <c r="D66" s="83"/>
      <c r="E66" s="83"/>
      <c r="F66" s="83"/>
      <c r="G66" s="83"/>
      <c r="H66" s="83"/>
      <c r="I66" s="83"/>
      <c r="J66" s="83"/>
      <c r="K66" s="83"/>
      <c r="L66" s="82"/>
    </row>
    <row r="67" spans="1:12" ht="28.5" customHeight="1">
      <c r="A67" s="151" t="s">
        <v>333</v>
      </c>
      <c r="B67" s="149" t="s">
        <v>357</v>
      </c>
      <c r="C67" s="147" t="s">
        <v>374</v>
      </c>
      <c r="D67" s="83"/>
      <c r="E67" s="83"/>
      <c r="F67" s="83"/>
      <c r="G67" s="83"/>
      <c r="H67" s="83"/>
      <c r="I67" s="83"/>
      <c r="J67" s="83"/>
      <c r="K67" s="83"/>
      <c r="L67" s="82"/>
    </row>
    <row r="68" spans="1:12" ht="28.5" customHeight="1">
      <c r="A68" s="151" t="s">
        <v>333</v>
      </c>
      <c r="B68" s="149" t="s">
        <v>358</v>
      </c>
      <c r="C68" s="147" t="s">
        <v>374</v>
      </c>
      <c r="D68" s="83"/>
      <c r="E68" s="83"/>
      <c r="F68" s="83"/>
      <c r="G68" s="83"/>
      <c r="H68" s="83"/>
      <c r="I68" s="83"/>
      <c r="J68" s="83"/>
      <c r="K68" s="83"/>
      <c r="L68" s="82"/>
    </row>
    <row r="69" spans="1:12" ht="28.5" customHeight="1">
      <c r="A69" s="151" t="s">
        <v>333</v>
      </c>
      <c r="B69" s="149" t="s">
        <v>359</v>
      </c>
      <c r="C69" s="147" t="s">
        <v>374</v>
      </c>
      <c r="D69" s="83"/>
      <c r="E69" s="83"/>
      <c r="F69" s="83"/>
      <c r="G69" s="83"/>
      <c r="H69" s="83"/>
      <c r="I69" s="83"/>
      <c r="J69" s="83"/>
      <c r="K69" s="83"/>
      <c r="L69" s="82"/>
    </row>
    <row r="70" spans="1:12" ht="28.5" customHeight="1">
      <c r="A70" s="151" t="s">
        <v>333</v>
      </c>
      <c r="B70" s="149" t="s">
        <v>360</v>
      </c>
      <c r="C70" s="147" t="s">
        <v>374</v>
      </c>
      <c r="D70" s="83"/>
      <c r="E70" s="83"/>
      <c r="F70" s="83"/>
      <c r="G70" s="83"/>
      <c r="H70" s="83"/>
      <c r="I70" s="83"/>
      <c r="J70" s="83"/>
      <c r="K70" s="83"/>
      <c r="L70" s="82"/>
    </row>
    <row r="71" spans="1:12" ht="28.5" customHeight="1">
      <c r="A71" s="151" t="s">
        <v>333</v>
      </c>
      <c r="B71" s="149" t="s">
        <v>361</v>
      </c>
      <c r="C71" s="147" t="s">
        <v>374</v>
      </c>
      <c r="D71" s="83"/>
      <c r="E71" s="83"/>
      <c r="F71" s="83"/>
      <c r="G71" s="83"/>
      <c r="H71" s="83"/>
      <c r="I71" s="83"/>
      <c r="J71" s="83"/>
      <c r="K71" s="83"/>
      <c r="L71" s="82"/>
    </row>
    <row r="72" spans="1:12" ht="28.5" customHeight="1">
      <c r="A72" s="151" t="s">
        <v>333</v>
      </c>
      <c r="B72" s="149" t="s">
        <v>362</v>
      </c>
      <c r="C72" s="147" t="s">
        <v>374</v>
      </c>
      <c r="D72" s="83"/>
      <c r="E72" s="83"/>
      <c r="F72" s="83"/>
      <c r="G72" s="83"/>
      <c r="H72" s="83"/>
      <c r="I72" s="83"/>
      <c r="J72" s="83"/>
      <c r="K72" s="83"/>
      <c r="L72" s="82"/>
    </row>
    <row r="73" spans="1:12" ht="28.5" customHeight="1">
      <c r="A73" s="151" t="s">
        <v>333</v>
      </c>
      <c r="B73" s="149" t="s">
        <v>363</v>
      </c>
      <c r="C73" s="147" t="s">
        <v>374</v>
      </c>
      <c r="D73" s="83"/>
      <c r="E73" s="83"/>
      <c r="F73" s="83"/>
      <c r="G73" s="83"/>
      <c r="H73" s="83"/>
      <c r="I73" s="83"/>
      <c r="J73" s="83"/>
      <c r="K73" s="83"/>
      <c r="L73" s="82"/>
    </row>
    <row r="74" spans="1:12" ht="28.5" customHeight="1">
      <c r="A74" s="151" t="s">
        <v>333</v>
      </c>
      <c r="B74" s="149" t="s">
        <v>367</v>
      </c>
      <c r="C74" s="147" t="s">
        <v>374</v>
      </c>
      <c r="D74" s="83"/>
      <c r="E74" s="83"/>
      <c r="F74" s="83"/>
      <c r="G74" s="83"/>
      <c r="H74" s="83"/>
      <c r="I74" s="83"/>
      <c r="J74" s="83"/>
      <c r="K74" s="83"/>
      <c r="L74" s="82"/>
    </row>
    <row r="75" spans="1:12" ht="28.5" customHeight="1">
      <c r="A75" s="151" t="s">
        <v>333</v>
      </c>
      <c r="B75" s="149" t="s">
        <v>368</v>
      </c>
      <c r="C75" s="147" t="s">
        <v>374</v>
      </c>
      <c r="D75" s="83"/>
      <c r="E75" s="83"/>
      <c r="F75" s="83"/>
      <c r="G75" s="83"/>
      <c r="H75" s="83"/>
      <c r="I75" s="83"/>
      <c r="J75" s="83"/>
      <c r="K75" s="83"/>
      <c r="L75" s="82"/>
    </row>
    <row r="76" spans="1:12" ht="28.5" customHeight="1">
      <c r="A76" s="151" t="s">
        <v>333</v>
      </c>
      <c r="B76" s="149" t="s">
        <v>369</v>
      </c>
      <c r="C76" s="147" t="s">
        <v>374</v>
      </c>
      <c r="D76" s="83"/>
      <c r="E76" s="83"/>
      <c r="F76" s="83"/>
      <c r="G76" s="83"/>
      <c r="H76" s="83"/>
      <c r="I76" s="83"/>
      <c r="J76" s="83"/>
      <c r="K76" s="83"/>
      <c r="L76" s="82"/>
    </row>
    <row r="77" spans="1:12" ht="28.5" customHeight="1">
      <c r="A77" s="151" t="s">
        <v>333</v>
      </c>
      <c r="B77" s="149" t="s">
        <v>370</v>
      </c>
      <c r="C77" s="147" t="s">
        <v>374</v>
      </c>
      <c r="D77" s="83"/>
      <c r="E77" s="83"/>
      <c r="F77" s="83"/>
      <c r="G77" s="83"/>
      <c r="H77" s="83"/>
      <c r="I77" s="83"/>
      <c r="J77" s="83"/>
      <c r="K77" s="83"/>
      <c r="L77" s="82"/>
    </row>
    <row r="78" spans="1:12" ht="28.5" customHeight="1">
      <c r="A78" s="151" t="s">
        <v>333</v>
      </c>
      <c r="B78" s="149" t="s">
        <v>371</v>
      </c>
      <c r="C78" s="147" t="s">
        <v>374</v>
      </c>
      <c r="D78" s="83"/>
      <c r="E78" s="83"/>
      <c r="F78" s="83"/>
      <c r="G78" s="83"/>
      <c r="H78" s="83"/>
      <c r="I78" s="83"/>
      <c r="J78" s="83"/>
      <c r="K78" s="83"/>
      <c r="L78" s="82"/>
    </row>
    <row r="79" spans="1:12" ht="28.5" customHeight="1">
      <c r="A79" s="151" t="s">
        <v>333</v>
      </c>
      <c r="B79" s="149" t="s">
        <v>372</v>
      </c>
      <c r="C79" s="147" t="s">
        <v>374</v>
      </c>
      <c r="D79" s="83"/>
      <c r="E79" s="83"/>
      <c r="F79" s="83"/>
      <c r="G79" s="83"/>
      <c r="H79" s="83"/>
      <c r="I79" s="83"/>
      <c r="J79" s="83"/>
      <c r="K79" s="83"/>
      <c r="L79" s="82"/>
    </row>
    <row r="80" spans="1:12" ht="28.5" customHeight="1">
      <c r="A80" s="151" t="s">
        <v>333</v>
      </c>
      <c r="B80" s="149" t="s">
        <v>373</v>
      </c>
      <c r="C80" s="147" t="s">
        <v>374</v>
      </c>
      <c r="D80" s="83"/>
      <c r="E80" s="83"/>
      <c r="F80" s="83"/>
      <c r="G80" s="83"/>
      <c r="H80" s="83"/>
      <c r="I80" s="83"/>
      <c r="J80" s="83"/>
      <c r="K80" s="83"/>
      <c r="L80" s="82"/>
    </row>
  </sheetData>
  <customSheetViews>
    <customSheetView guid="{8A17AC69-55DF-4614-B83A-7D93DE081E37}" scale="90" hiddenRows="1">
      <pane xSplit="3" ySplit="7" topLeftCell="D8" activePane="bottomRight" state="frozen"/>
      <selection pane="bottomRight" activeCell="C5" sqref="C5"/>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6B575A70-6A6A-450F-AE29-EB915E5E7E05}" scale="85" showPageBreaks="1">
      <pane xSplit="3" ySplit="5" topLeftCell="CJ18" activePane="bottomRight" state="frozen"/>
      <selection pane="bottomRight" activeCell="CN28" sqref="CN28"/>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347297B9-E98D-48A5-81C7-A3B6F79B807D}">
      <pane xSplit="3" ySplit="5" topLeftCell="D6" activePane="bottomRight" state="frozen"/>
      <selection pane="bottomRight" activeCell="Q26" sqref="Q26"/>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0201BF4B-EFA9-4D0B-B527-84BCDAABA531}">
      <pane xSplit="3" ySplit="5" topLeftCell="CE6" activePane="bottomRight" state="frozen"/>
      <selection pane="bottomRight" activeCell="CG8" sqref="CG8"/>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mergeCells count="5">
    <mergeCell ref="A33:A43"/>
    <mergeCell ref="A29:A32"/>
    <mergeCell ref="A26:A28"/>
    <mergeCell ref="A21:A25"/>
    <mergeCell ref="A11:A20"/>
  </mergeCell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4"/>
  <sheetViews>
    <sheetView topLeftCell="Z1" workbookViewId="0">
      <selection activeCell="B1" sqref="B1:CY4"/>
    </sheetView>
  </sheetViews>
  <sheetFormatPr defaultRowHeight="13.2"/>
  <cols>
    <col min="1" max="103" width="3.33203125" style="67" customWidth="1"/>
  </cols>
  <sheetData>
    <row r="1" spans="1:103" ht="13.8">
      <c r="A1" s="69"/>
      <c r="B1" s="4">
        <v>1</v>
      </c>
      <c r="C1" s="4">
        <v>2</v>
      </c>
      <c r="D1" s="4">
        <v>3</v>
      </c>
      <c r="E1" s="4">
        <v>4</v>
      </c>
      <c r="F1" s="4">
        <v>5</v>
      </c>
      <c r="G1" s="4">
        <v>6</v>
      </c>
      <c r="H1" s="4">
        <v>7</v>
      </c>
      <c r="I1" s="4">
        <v>8</v>
      </c>
      <c r="J1" s="4">
        <v>9</v>
      </c>
      <c r="K1" s="4">
        <v>10</v>
      </c>
      <c r="L1" s="4">
        <v>11</v>
      </c>
      <c r="M1" s="4">
        <v>12</v>
      </c>
      <c r="N1" s="4">
        <v>13</v>
      </c>
      <c r="O1" s="4">
        <v>14</v>
      </c>
      <c r="P1" s="4">
        <v>15</v>
      </c>
      <c r="Q1" s="4">
        <v>16</v>
      </c>
      <c r="R1" s="70"/>
      <c r="S1" s="4">
        <v>17</v>
      </c>
      <c r="T1" s="4">
        <v>18</v>
      </c>
      <c r="U1" s="4">
        <v>19</v>
      </c>
      <c r="V1" s="4">
        <v>20</v>
      </c>
      <c r="W1" s="71"/>
      <c r="X1" s="4">
        <v>21</v>
      </c>
      <c r="Y1" s="4">
        <v>22</v>
      </c>
      <c r="Z1" s="4">
        <v>23</v>
      </c>
      <c r="AA1" s="4">
        <v>24</v>
      </c>
      <c r="AB1" s="4">
        <v>25</v>
      </c>
      <c r="AC1" s="4">
        <v>26</v>
      </c>
      <c r="AD1" s="4">
        <v>27</v>
      </c>
      <c r="AE1" s="4">
        <v>28</v>
      </c>
      <c r="AF1" s="4">
        <v>29</v>
      </c>
      <c r="AG1" s="4">
        <v>30</v>
      </c>
      <c r="AH1" s="4">
        <v>31</v>
      </c>
      <c r="AI1" s="4">
        <v>32</v>
      </c>
      <c r="AJ1" s="71"/>
      <c r="AK1" s="4">
        <v>33</v>
      </c>
      <c r="AL1" s="4">
        <v>34</v>
      </c>
      <c r="AM1" s="4">
        <v>35</v>
      </c>
      <c r="AN1" s="4">
        <v>36</v>
      </c>
      <c r="AO1" s="4">
        <v>37</v>
      </c>
      <c r="AP1" s="4">
        <v>38</v>
      </c>
      <c r="AQ1" s="71"/>
      <c r="AR1" s="4">
        <v>39</v>
      </c>
      <c r="AS1" s="4">
        <v>40</v>
      </c>
      <c r="AT1" s="4">
        <v>41</v>
      </c>
      <c r="AU1" s="4">
        <v>42</v>
      </c>
      <c r="AV1" s="71"/>
      <c r="AW1" s="4">
        <v>43</v>
      </c>
      <c r="AX1" s="4">
        <v>44</v>
      </c>
      <c r="AY1" s="4">
        <v>45</v>
      </c>
      <c r="AZ1" s="4">
        <v>46</v>
      </c>
      <c r="BA1" s="4">
        <v>47</v>
      </c>
      <c r="BB1" s="71"/>
      <c r="BC1" s="4">
        <v>48</v>
      </c>
      <c r="BD1" s="4">
        <v>49</v>
      </c>
      <c r="BE1" s="4">
        <v>50</v>
      </c>
      <c r="BF1" s="4">
        <v>51</v>
      </c>
      <c r="BG1" s="71"/>
      <c r="BH1" s="4">
        <v>52</v>
      </c>
      <c r="BI1" s="4">
        <v>53</v>
      </c>
      <c r="BJ1" s="4">
        <v>54</v>
      </c>
      <c r="BK1" s="71"/>
      <c r="BL1" s="4">
        <v>55</v>
      </c>
      <c r="BM1" s="4">
        <v>56</v>
      </c>
      <c r="BN1" s="4">
        <v>57</v>
      </c>
      <c r="BO1" s="4">
        <v>58</v>
      </c>
      <c r="BP1" s="71"/>
      <c r="BQ1" s="4">
        <v>59</v>
      </c>
      <c r="BR1" s="4">
        <v>60</v>
      </c>
      <c r="BS1" s="4">
        <v>61</v>
      </c>
      <c r="BT1" s="4">
        <v>62</v>
      </c>
      <c r="BU1" s="72"/>
      <c r="BV1" s="4">
        <v>63</v>
      </c>
      <c r="BW1" s="4">
        <v>64</v>
      </c>
      <c r="BX1" s="4">
        <v>65</v>
      </c>
      <c r="BY1" s="72"/>
      <c r="BZ1" s="4">
        <v>66</v>
      </c>
      <c r="CA1" s="4">
        <v>67</v>
      </c>
      <c r="CB1" s="72"/>
      <c r="CC1" s="4">
        <v>68</v>
      </c>
      <c r="CD1" s="4">
        <v>69</v>
      </c>
      <c r="CE1" s="4">
        <v>70</v>
      </c>
      <c r="CF1" s="4">
        <v>71</v>
      </c>
      <c r="CG1" s="72"/>
      <c r="CH1" s="4">
        <v>72</v>
      </c>
      <c r="CI1" s="72"/>
      <c r="CJ1" s="4">
        <v>73</v>
      </c>
      <c r="CK1" s="73"/>
      <c r="CL1" s="4">
        <v>74</v>
      </c>
      <c r="CM1" s="4">
        <v>75</v>
      </c>
      <c r="CN1" s="74"/>
      <c r="CO1" s="4">
        <v>1</v>
      </c>
      <c r="CP1" s="4">
        <v>2</v>
      </c>
      <c r="CQ1" s="4">
        <v>3</v>
      </c>
      <c r="CR1" s="4">
        <v>4</v>
      </c>
      <c r="CS1" s="4">
        <v>5</v>
      </c>
      <c r="CT1" s="4">
        <v>6</v>
      </c>
      <c r="CU1" s="4">
        <v>7</v>
      </c>
      <c r="CV1" s="4">
        <v>8</v>
      </c>
      <c r="CW1" s="4">
        <v>9</v>
      </c>
      <c r="CX1" s="4">
        <v>10</v>
      </c>
      <c r="CY1" s="68"/>
    </row>
    <row r="2" spans="1:103" ht="35.4">
      <c r="A2" s="75"/>
      <c r="B2" s="4">
        <v>14</v>
      </c>
      <c r="C2" s="76">
        <v>28</v>
      </c>
      <c r="D2" s="76">
        <v>10</v>
      </c>
      <c r="E2" s="76">
        <v>20</v>
      </c>
      <c r="F2" s="76">
        <v>18</v>
      </c>
      <c r="G2" s="76">
        <v>16</v>
      </c>
      <c r="H2" s="4">
        <v>16</v>
      </c>
      <c r="I2" s="4">
        <v>12</v>
      </c>
      <c r="J2" s="4">
        <v>24</v>
      </c>
      <c r="K2" s="4">
        <v>30</v>
      </c>
      <c r="L2" s="4">
        <v>10</v>
      </c>
      <c r="M2" s="4">
        <v>20</v>
      </c>
      <c r="N2" s="4">
        <v>16</v>
      </c>
      <c r="O2" s="4">
        <v>12</v>
      </c>
      <c r="P2" s="4">
        <v>12</v>
      </c>
      <c r="Q2" s="4">
        <v>30</v>
      </c>
      <c r="R2" s="77"/>
      <c r="S2" s="4">
        <v>14</v>
      </c>
      <c r="T2" s="4">
        <v>24</v>
      </c>
      <c r="U2" s="4">
        <v>20</v>
      </c>
      <c r="V2" s="76">
        <v>20</v>
      </c>
      <c r="W2" s="78"/>
      <c r="X2" s="4">
        <v>15</v>
      </c>
      <c r="Y2" s="4">
        <v>10</v>
      </c>
      <c r="Z2" s="76">
        <v>30</v>
      </c>
      <c r="AA2" s="76">
        <v>10</v>
      </c>
      <c r="AB2" s="76">
        <v>30</v>
      </c>
      <c r="AC2" s="76">
        <v>15</v>
      </c>
      <c r="AD2" s="76">
        <v>14</v>
      </c>
      <c r="AE2" s="76">
        <v>10</v>
      </c>
      <c r="AF2" s="76">
        <v>10</v>
      </c>
      <c r="AG2" s="76">
        <v>12</v>
      </c>
      <c r="AH2" s="76">
        <v>12</v>
      </c>
      <c r="AI2" s="76">
        <v>12</v>
      </c>
      <c r="AJ2" s="78"/>
      <c r="AK2" s="4">
        <v>30</v>
      </c>
      <c r="AL2" s="4">
        <v>30</v>
      </c>
      <c r="AM2" s="4">
        <v>10</v>
      </c>
      <c r="AN2" s="4">
        <v>30</v>
      </c>
      <c r="AO2" s="4">
        <v>10</v>
      </c>
      <c r="AP2" s="4">
        <v>30</v>
      </c>
      <c r="AQ2" s="78"/>
      <c r="AR2" s="76">
        <v>30</v>
      </c>
      <c r="AS2" s="76">
        <v>30</v>
      </c>
      <c r="AT2" s="76">
        <v>30</v>
      </c>
      <c r="AU2" s="76">
        <v>30</v>
      </c>
      <c r="AV2" s="78"/>
      <c r="AW2" s="4">
        <v>30</v>
      </c>
      <c r="AX2" s="76">
        <v>10</v>
      </c>
      <c r="AY2" s="76">
        <v>30</v>
      </c>
      <c r="AZ2" s="76">
        <v>10</v>
      </c>
      <c r="BA2" s="76">
        <v>30</v>
      </c>
      <c r="BB2" s="78"/>
      <c r="BC2" s="76">
        <v>30</v>
      </c>
      <c r="BD2" s="76">
        <v>30</v>
      </c>
      <c r="BE2" s="76">
        <v>30</v>
      </c>
      <c r="BF2" s="76">
        <v>30</v>
      </c>
      <c r="BG2" s="78"/>
      <c r="BH2" s="76">
        <v>24</v>
      </c>
      <c r="BI2" s="76">
        <v>10</v>
      </c>
      <c r="BJ2" s="76">
        <v>10</v>
      </c>
      <c r="BK2" s="78"/>
      <c r="BL2" s="76">
        <v>22</v>
      </c>
      <c r="BM2" s="76">
        <v>22</v>
      </c>
      <c r="BN2" s="76">
        <v>22</v>
      </c>
      <c r="BO2" s="76">
        <v>21</v>
      </c>
      <c r="BP2" s="78"/>
      <c r="BQ2" s="76">
        <v>46</v>
      </c>
      <c r="BR2" s="76">
        <v>40</v>
      </c>
      <c r="BS2" s="76">
        <v>36</v>
      </c>
      <c r="BT2" s="76">
        <v>28</v>
      </c>
      <c r="BU2" s="79"/>
      <c r="BV2" s="4">
        <v>5</v>
      </c>
      <c r="BW2" s="4">
        <v>5</v>
      </c>
      <c r="BX2" s="4">
        <v>5</v>
      </c>
      <c r="BY2" s="79"/>
      <c r="BZ2" s="4">
        <v>5</v>
      </c>
      <c r="CA2" s="4">
        <v>30</v>
      </c>
      <c r="CB2" s="79"/>
      <c r="CC2" s="4">
        <v>5</v>
      </c>
      <c r="CD2" s="4">
        <v>30</v>
      </c>
      <c r="CE2" s="4">
        <v>5</v>
      </c>
      <c r="CF2" s="4">
        <v>30</v>
      </c>
      <c r="CG2" s="79"/>
      <c r="CH2" s="4">
        <v>100</v>
      </c>
      <c r="CI2" s="79"/>
      <c r="CJ2" s="4">
        <v>150</v>
      </c>
      <c r="CK2" s="80"/>
      <c r="CL2" s="76">
        <v>30</v>
      </c>
      <c r="CM2" s="76">
        <v>30</v>
      </c>
      <c r="CN2" s="81"/>
      <c r="CO2" s="4" t="s">
        <v>32</v>
      </c>
      <c r="CP2" s="4" t="s">
        <v>34</v>
      </c>
      <c r="CQ2" s="4" t="s">
        <v>45</v>
      </c>
      <c r="CR2" s="4" t="s">
        <v>37</v>
      </c>
      <c r="CS2" s="4" t="s">
        <v>74</v>
      </c>
      <c r="CT2" s="4" t="s">
        <v>38</v>
      </c>
      <c r="CU2" s="4" t="s">
        <v>40</v>
      </c>
      <c r="CV2" s="4" t="s">
        <v>38</v>
      </c>
      <c r="CW2" s="4" t="s">
        <v>43</v>
      </c>
      <c r="CX2" s="4" t="s">
        <v>40</v>
      </c>
      <c r="CY2" s="68"/>
    </row>
    <row r="3" spans="1:103" ht="33">
      <c r="A3" s="75"/>
      <c r="B3" s="4">
        <v>757038</v>
      </c>
      <c r="C3" s="76">
        <v>761130</v>
      </c>
      <c r="D3" s="76">
        <v>757138</v>
      </c>
      <c r="E3" s="76">
        <v>760210</v>
      </c>
      <c r="F3" s="76">
        <v>762230</v>
      </c>
      <c r="G3" s="76">
        <v>760311</v>
      </c>
      <c r="H3" s="4">
        <v>762301</v>
      </c>
      <c r="I3" s="4">
        <v>760411</v>
      </c>
      <c r="J3" s="4">
        <v>760406</v>
      </c>
      <c r="K3" s="4">
        <v>760476</v>
      </c>
      <c r="L3" s="4">
        <v>760511</v>
      </c>
      <c r="M3" s="4">
        <v>760506</v>
      </c>
      <c r="N3" s="4">
        <v>760602</v>
      </c>
      <c r="O3" s="4">
        <v>760931</v>
      </c>
      <c r="P3" s="4">
        <v>760922</v>
      </c>
      <c r="Q3" s="4">
        <v>761703</v>
      </c>
      <c r="R3" s="77"/>
      <c r="S3" s="4">
        <v>750403</v>
      </c>
      <c r="T3" s="4">
        <v>750651</v>
      </c>
      <c r="U3" s="4">
        <v>750776</v>
      </c>
      <c r="V3" s="76">
        <v>750858</v>
      </c>
      <c r="W3" s="78"/>
      <c r="X3" s="76">
        <v>791415</v>
      </c>
      <c r="Y3" s="76">
        <v>791510</v>
      </c>
      <c r="Z3" s="76">
        <v>791530</v>
      </c>
      <c r="AA3" s="76">
        <v>791610</v>
      </c>
      <c r="AB3" s="76">
        <v>791630</v>
      </c>
      <c r="AC3" s="76">
        <v>791715</v>
      </c>
      <c r="AD3" s="76">
        <v>792414</v>
      </c>
      <c r="AE3" s="76">
        <v>792510</v>
      </c>
      <c r="AF3" s="76">
        <v>792610</v>
      </c>
      <c r="AG3" s="76">
        <v>792712</v>
      </c>
      <c r="AH3" s="76">
        <v>793512</v>
      </c>
      <c r="AI3" s="76">
        <v>793612</v>
      </c>
      <c r="AJ3" s="78"/>
      <c r="AK3" s="4">
        <v>710430</v>
      </c>
      <c r="AL3" s="76">
        <v>710530</v>
      </c>
      <c r="AM3" s="76">
        <v>710610</v>
      </c>
      <c r="AN3" s="76">
        <v>710630</v>
      </c>
      <c r="AO3" s="76">
        <v>710710</v>
      </c>
      <c r="AP3" s="76">
        <v>710730</v>
      </c>
      <c r="AQ3" s="78"/>
      <c r="AR3" s="4">
        <v>723130</v>
      </c>
      <c r="AS3" s="4">
        <v>723230</v>
      </c>
      <c r="AT3" s="4">
        <v>723330</v>
      </c>
      <c r="AU3" s="4">
        <v>723430</v>
      </c>
      <c r="AV3" s="78"/>
      <c r="AW3" s="4">
        <v>711130</v>
      </c>
      <c r="AX3" s="76">
        <v>711210</v>
      </c>
      <c r="AY3" s="76">
        <v>711230</v>
      </c>
      <c r="AZ3" s="76">
        <v>711410</v>
      </c>
      <c r="BA3" s="76">
        <v>711430</v>
      </c>
      <c r="BB3" s="78"/>
      <c r="BC3" s="4">
        <v>724130</v>
      </c>
      <c r="BD3" s="4">
        <v>724230</v>
      </c>
      <c r="BE3" s="4">
        <v>724330</v>
      </c>
      <c r="BF3" s="4">
        <v>724430</v>
      </c>
      <c r="BG3" s="78"/>
      <c r="BH3" s="76">
        <v>710824</v>
      </c>
      <c r="BI3" s="76">
        <v>710910</v>
      </c>
      <c r="BJ3" s="76">
        <v>711010</v>
      </c>
      <c r="BK3" s="78"/>
      <c r="BL3" s="4">
        <v>725122</v>
      </c>
      <c r="BM3" s="4">
        <v>725222</v>
      </c>
      <c r="BN3" s="4">
        <v>725322</v>
      </c>
      <c r="BO3" s="4">
        <v>725421</v>
      </c>
      <c r="BP3" s="78"/>
      <c r="BQ3" s="76">
        <v>752846</v>
      </c>
      <c r="BR3" s="76">
        <v>753040</v>
      </c>
      <c r="BS3" s="76">
        <v>758136</v>
      </c>
      <c r="BT3" s="76">
        <v>759128</v>
      </c>
      <c r="BU3" s="79"/>
      <c r="BV3" s="4">
        <v>754024</v>
      </c>
      <c r="BW3" s="4">
        <v>754025</v>
      </c>
      <c r="BX3" s="4">
        <v>754026</v>
      </c>
      <c r="BY3" s="79"/>
      <c r="BZ3" s="4">
        <v>770057</v>
      </c>
      <c r="CA3" s="4">
        <v>770038</v>
      </c>
      <c r="CB3" s="79"/>
      <c r="CC3" s="4">
        <v>770054</v>
      </c>
      <c r="CD3" s="4">
        <v>770100</v>
      </c>
      <c r="CE3" s="4">
        <v>770055</v>
      </c>
      <c r="CF3" s="4">
        <v>770104</v>
      </c>
      <c r="CG3" s="79"/>
      <c r="CH3" s="4">
        <v>774455</v>
      </c>
      <c r="CI3" s="79"/>
      <c r="CJ3" s="4">
        <v>720511</v>
      </c>
      <c r="CK3" s="80"/>
      <c r="CL3" s="76">
        <v>5369</v>
      </c>
      <c r="CM3" s="76">
        <v>5619</v>
      </c>
      <c r="CN3" s="81"/>
      <c r="CO3" s="4">
        <v>4250</v>
      </c>
      <c r="CP3" s="4">
        <v>4248</v>
      </c>
      <c r="CQ3" s="4">
        <v>6479</v>
      </c>
      <c r="CR3" s="4">
        <v>740710</v>
      </c>
      <c r="CS3" s="4">
        <v>740500</v>
      </c>
      <c r="CT3" s="4">
        <v>4235</v>
      </c>
      <c r="CU3" s="4">
        <v>1146</v>
      </c>
      <c r="CV3" s="4">
        <v>4657</v>
      </c>
      <c r="CW3" s="4">
        <v>4223</v>
      </c>
      <c r="CX3" s="4">
        <v>1208</v>
      </c>
      <c r="CY3" s="68"/>
    </row>
    <row r="4" spans="1:103" ht="192.6">
      <c r="A4" s="69" t="s">
        <v>266</v>
      </c>
      <c r="B4" s="4" t="s">
        <v>14</v>
      </c>
      <c r="C4" s="76" t="s">
        <v>14</v>
      </c>
      <c r="D4" s="76" t="s">
        <v>1</v>
      </c>
      <c r="E4" s="76" t="s">
        <v>1</v>
      </c>
      <c r="F4" s="76" t="s">
        <v>58</v>
      </c>
      <c r="G4" s="76" t="s">
        <v>15</v>
      </c>
      <c r="H4" s="4" t="s">
        <v>59</v>
      </c>
      <c r="I4" s="4" t="s">
        <v>2</v>
      </c>
      <c r="J4" s="4" t="s">
        <v>2</v>
      </c>
      <c r="K4" s="4" t="s">
        <v>2</v>
      </c>
      <c r="L4" s="4" t="s">
        <v>262</v>
      </c>
      <c r="M4" s="4" t="s">
        <v>3</v>
      </c>
      <c r="N4" s="4" t="s">
        <v>73</v>
      </c>
      <c r="O4" s="4" t="s">
        <v>53</v>
      </c>
      <c r="P4" s="4" t="s">
        <v>263</v>
      </c>
      <c r="Q4" s="4" t="s">
        <v>4</v>
      </c>
      <c r="R4" s="70" t="s">
        <v>82</v>
      </c>
      <c r="S4" s="4" t="s">
        <v>264</v>
      </c>
      <c r="T4" s="4" t="s">
        <v>66</v>
      </c>
      <c r="U4" s="4" t="s">
        <v>54</v>
      </c>
      <c r="V4" s="76" t="s">
        <v>60</v>
      </c>
      <c r="W4" s="71" t="s">
        <v>83</v>
      </c>
      <c r="X4" s="4" t="s">
        <v>61</v>
      </c>
      <c r="Y4" s="4" t="s">
        <v>67</v>
      </c>
      <c r="Z4" s="4" t="s">
        <v>56</v>
      </c>
      <c r="AA4" s="4" t="s">
        <v>68</v>
      </c>
      <c r="AB4" s="4" t="s">
        <v>57</v>
      </c>
      <c r="AC4" s="4" t="s">
        <v>62</v>
      </c>
      <c r="AD4" s="4" t="s">
        <v>76</v>
      </c>
      <c r="AE4" s="4" t="s">
        <v>46</v>
      </c>
      <c r="AF4" s="4" t="s">
        <v>47</v>
      </c>
      <c r="AG4" s="4" t="s">
        <v>77</v>
      </c>
      <c r="AH4" s="4" t="s">
        <v>51</v>
      </c>
      <c r="AI4" s="4" t="s">
        <v>52</v>
      </c>
      <c r="AJ4" s="71" t="s">
        <v>84</v>
      </c>
      <c r="AK4" s="4" t="s">
        <v>42</v>
      </c>
      <c r="AL4" s="4" t="s">
        <v>25</v>
      </c>
      <c r="AM4" s="4" t="s">
        <v>69</v>
      </c>
      <c r="AN4" s="4" t="s">
        <v>26</v>
      </c>
      <c r="AO4" s="4" t="s">
        <v>70</v>
      </c>
      <c r="AP4" s="4" t="s">
        <v>27</v>
      </c>
      <c r="AQ4" s="71" t="s">
        <v>85</v>
      </c>
      <c r="AR4" s="4" t="s">
        <v>25</v>
      </c>
      <c r="AS4" s="4" t="s">
        <v>26</v>
      </c>
      <c r="AT4" s="4" t="s">
        <v>27</v>
      </c>
      <c r="AU4" s="4" t="s">
        <v>28</v>
      </c>
      <c r="AV4" s="71" t="s">
        <v>86</v>
      </c>
      <c r="AW4" s="4" t="s">
        <v>25</v>
      </c>
      <c r="AX4" s="4" t="s">
        <v>26</v>
      </c>
      <c r="AY4" s="4" t="s">
        <v>26</v>
      </c>
      <c r="AZ4" s="4" t="s">
        <v>27</v>
      </c>
      <c r="BA4" s="4" t="s">
        <v>27</v>
      </c>
      <c r="BB4" s="71" t="s">
        <v>87</v>
      </c>
      <c r="BC4" s="4" t="s">
        <v>25</v>
      </c>
      <c r="BD4" s="4" t="s">
        <v>26</v>
      </c>
      <c r="BE4" s="4" t="s">
        <v>27</v>
      </c>
      <c r="BF4" s="4" t="s">
        <v>28</v>
      </c>
      <c r="BG4" s="71" t="s">
        <v>88</v>
      </c>
      <c r="BH4" s="4" t="s">
        <v>25</v>
      </c>
      <c r="BI4" s="4" t="s">
        <v>26</v>
      </c>
      <c r="BJ4" s="4" t="s">
        <v>27</v>
      </c>
      <c r="BK4" s="71" t="s">
        <v>89</v>
      </c>
      <c r="BL4" s="4" t="s">
        <v>25</v>
      </c>
      <c r="BM4" s="4" t="s">
        <v>26</v>
      </c>
      <c r="BN4" s="4" t="s">
        <v>27</v>
      </c>
      <c r="BO4" s="4" t="s">
        <v>28</v>
      </c>
      <c r="BP4" s="71" t="s">
        <v>90</v>
      </c>
      <c r="BQ4" s="4" t="s">
        <v>5</v>
      </c>
      <c r="BR4" s="4" t="s">
        <v>6</v>
      </c>
      <c r="BS4" s="4" t="s">
        <v>7</v>
      </c>
      <c r="BT4" s="4" t="s">
        <v>8</v>
      </c>
      <c r="BU4" s="72" t="s">
        <v>91</v>
      </c>
      <c r="BV4" s="4" t="s">
        <v>26</v>
      </c>
      <c r="BW4" s="4" t="s">
        <v>27</v>
      </c>
      <c r="BX4" s="4" t="s">
        <v>28</v>
      </c>
      <c r="BY4" s="72" t="s">
        <v>92</v>
      </c>
      <c r="BZ4" s="4" t="s">
        <v>30</v>
      </c>
      <c r="CA4" s="4" t="s">
        <v>30</v>
      </c>
      <c r="CB4" s="72" t="s">
        <v>93</v>
      </c>
      <c r="CC4" s="4" t="s">
        <v>71</v>
      </c>
      <c r="CD4" s="4" t="s">
        <v>29</v>
      </c>
      <c r="CE4" s="4" t="s">
        <v>72</v>
      </c>
      <c r="CF4" s="4" t="s">
        <v>30</v>
      </c>
      <c r="CG4" s="72" t="s">
        <v>261</v>
      </c>
      <c r="CH4" s="4" t="s">
        <v>265</v>
      </c>
      <c r="CI4" s="72" t="s">
        <v>49</v>
      </c>
      <c r="CJ4" s="4" t="s">
        <v>20</v>
      </c>
      <c r="CK4" s="73" t="s">
        <v>65</v>
      </c>
      <c r="CL4" s="4" t="s">
        <v>63</v>
      </c>
      <c r="CM4" s="4" t="s">
        <v>64</v>
      </c>
      <c r="CN4" s="74" t="s">
        <v>80</v>
      </c>
      <c r="CO4" s="4" t="s">
        <v>31</v>
      </c>
      <c r="CP4" s="4" t="s">
        <v>33</v>
      </c>
      <c r="CQ4" s="4" t="s">
        <v>35</v>
      </c>
      <c r="CR4" s="4" t="s">
        <v>36</v>
      </c>
      <c r="CS4" s="4" t="s">
        <v>75</v>
      </c>
      <c r="CT4" s="4" t="s">
        <v>48</v>
      </c>
      <c r="CU4" s="4" t="s">
        <v>39</v>
      </c>
      <c r="CV4" s="4" t="s">
        <v>41</v>
      </c>
      <c r="CW4" s="4" t="s">
        <v>44</v>
      </c>
      <c r="CX4" s="4" t="s">
        <v>79</v>
      </c>
      <c r="CY4" s="68"/>
    </row>
  </sheetData>
  <customSheetViews>
    <customSheetView guid="{8A17AC69-55DF-4614-B83A-7D93DE081E37}" state="hidden" topLeftCell="Z1">
      <selection activeCell="B1" sqref="B1:CY4"/>
      <pageMargins left="0.7" right="0.7" top="0.75" bottom="0.75" header="0.3" footer="0.3"/>
      <pageSetup paperSize="9" orientation="portrait" r:id="rId1"/>
    </customSheetView>
    <customSheetView guid="{6B575A70-6A6A-450F-AE29-EB915E5E7E05}" state="hidden" topLeftCell="Z1">
      <selection activeCell="B1" sqref="B1:CY4"/>
      <pageMargins left="0.7" right="0.7" top="0.75" bottom="0.75" header="0.3" footer="0.3"/>
      <pageSetup paperSize="9" orientation="portrait" r:id="rId2"/>
    </customSheetView>
    <customSheetView guid="{347297B9-E98D-48A5-81C7-A3B6F79B807D}" state="hidden" topLeftCell="Z1">
      <selection activeCell="B1" sqref="B1:CY4"/>
      <pageMargins left="0.7" right="0.7" top="0.75" bottom="0.75" header="0.3" footer="0.3"/>
      <pageSetup paperSize="9" orientation="portrait" r:id="rId3"/>
    </customSheetView>
    <customSheetView guid="{0201BF4B-EFA9-4D0B-B527-84BCDAABA531}" state="hidden" topLeftCell="Z1">
      <selection activeCell="B1" sqref="B1:CY4"/>
      <pageMargins left="0.7" right="0.7" top="0.75" bottom="0.75" header="0.3" footer="0.3"/>
      <pageSetup paperSize="9" orientation="portrait" r:id="rId4"/>
    </customSheetView>
  </customSheetViews>
  <pageMargins left="0.7" right="0.7" top="0.75" bottom="0.75" header="0.3" footer="0.3"/>
  <pageSetup paperSize="9" orientation="portrait" r:id="rId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G4" activePane="bottomRight" state="frozen"/>
      <selection pane="topRight" activeCell="G1" sqref="G1"/>
      <selection pane="bottomLeft" activeCell="A4" sqref="A4"/>
      <selection pane="bottomRight" activeCell="AD17" sqref="AD17"/>
    </sheetView>
  </sheetViews>
  <sheetFormatPr defaultColWidth="9.109375" defaultRowHeight="10.199999999999999"/>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99" customWidth="1"/>
    <col min="38" max="46" width="9.6640625" style="100" customWidth="1"/>
    <col min="47" max="47" width="1.6640625" style="99" customWidth="1"/>
    <col min="48" max="48" width="9.109375" style="100"/>
    <col min="49" max="16384" width="9.109375" style="8"/>
  </cols>
  <sheetData>
    <row r="1" spans="1:48" s="3" customFormat="1" ht="40.799999999999997">
      <c r="A1" s="19"/>
      <c r="B1" s="19"/>
      <c r="C1" s="19"/>
      <c r="D1" s="140"/>
      <c r="E1" s="19"/>
      <c r="F1" s="19"/>
      <c r="G1" s="21"/>
      <c r="H1" s="110" t="s">
        <v>136</v>
      </c>
      <c r="I1" s="110" t="s">
        <v>136</v>
      </c>
      <c r="J1" s="110" t="s">
        <v>136</v>
      </c>
      <c r="K1" s="110" t="s">
        <v>136</v>
      </c>
      <c r="L1" s="110" t="s">
        <v>136</v>
      </c>
      <c r="M1" s="110" t="s">
        <v>136</v>
      </c>
      <c r="N1" s="110" t="s">
        <v>136</v>
      </c>
      <c r="O1" s="110" t="s">
        <v>136</v>
      </c>
      <c r="P1" s="114" t="s">
        <v>95</v>
      </c>
      <c r="Q1" s="114" t="s">
        <v>95</v>
      </c>
      <c r="R1" s="118" t="s">
        <v>137</v>
      </c>
      <c r="S1" s="118" t="s">
        <v>137</v>
      </c>
      <c r="T1" s="118" t="s">
        <v>137</v>
      </c>
      <c r="U1" s="118" t="s">
        <v>137</v>
      </c>
      <c r="V1" s="125" t="s">
        <v>96</v>
      </c>
      <c r="W1" s="125" t="s">
        <v>96</v>
      </c>
      <c r="X1" s="125" t="s">
        <v>96</v>
      </c>
      <c r="Y1" s="125" t="s">
        <v>96</v>
      </c>
      <c r="Z1" s="125" t="s">
        <v>96</v>
      </c>
      <c r="AA1" s="122" t="s">
        <v>127</v>
      </c>
      <c r="AB1" s="122" t="s">
        <v>127</v>
      </c>
      <c r="AC1" s="122" t="s">
        <v>127</v>
      </c>
      <c r="AD1" s="122" t="s">
        <v>127</v>
      </c>
      <c r="AE1" s="122" t="s">
        <v>128</v>
      </c>
      <c r="AF1" s="106" t="s">
        <v>128</v>
      </c>
      <c r="AG1" s="106" t="s">
        <v>128</v>
      </c>
      <c r="AH1" s="106" t="s">
        <v>128</v>
      </c>
      <c r="AI1" s="106" t="s">
        <v>128</v>
      </c>
      <c r="AJ1" s="106" t="s">
        <v>128</v>
      </c>
      <c r="AK1" s="114" t="s">
        <v>130</v>
      </c>
      <c r="AL1" s="114" t="s">
        <v>129</v>
      </c>
      <c r="AM1" s="114" t="s">
        <v>108</v>
      </c>
      <c r="AN1" s="118" t="s">
        <v>118</v>
      </c>
      <c r="AO1" s="118" t="s">
        <v>118</v>
      </c>
      <c r="AP1" s="118" t="s">
        <v>118</v>
      </c>
      <c r="AQ1" s="118" t="s">
        <v>118</v>
      </c>
      <c r="AR1" s="118" t="s">
        <v>118</v>
      </c>
      <c r="AS1" s="118" t="s">
        <v>118</v>
      </c>
      <c r="AT1" s="118" t="s">
        <v>118</v>
      </c>
      <c r="AU1" s="25"/>
      <c r="AV1" s="18"/>
    </row>
    <row r="2" spans="1:48" s="3" customFormat="1" ht="61.2">
      <c r="A2" s="19"/>
      <c r="B2" s="19"/>
      <c r="C2" s="105"/>
      <c r="D2" s="140"/>
      <c r="E2" s="102"/>
      <c r="F2" s="105"/>
      <c r="G2" s="22"/>
      <c r="H2" s="111" t="s">
        <v>101</v>
      </c>
      <c r="I2" s="111" t="s">
        <v>101</v>
      </c>
      <c r="J2" s="111" t="s">
        <v>101</v>
      </c>
      <c r="K2" s="111" t="s">
        <v>101</v>
      </c>
      <c r="L2" s="111" t="s">
        <v>101</v>
      </c>
      <c r="M2" s="111" t="s">
        <v>101</v>
      </c>
      <c r="N2" s="111" t="s">
        <v>101</v>
      </c>
      <c r="O2" s="111" t="s">
        <v>101</v>
      </c>
      <c r="P2" s="115" t="s">
        <v>116</v>
      </c>
      <c r="Q2" s="115" t="s">
        <v>100</v>
      </c>
      <c r="R2" s="119" t="s">
        <v>126</v>
      </c>
      <c r="S2" s="119" t="s">
        <v>132</v>
      </c>
      <c r="T2" s="119" t="s">
        <v>98</v>
      </c>
      <c r="U2" s="119" t="s">
        <v>99</v>
      </c>
      <c r="V2" s="126" t="s">
        <v>97</v>
      </c>
      <c r="W2" s="126" t="s">
        <v>126</v>
      </c>
      <c r="X2" s="126" t="s">
        <v>98</v>
      </c>
      <c r="Y2" s="126" t="s">
        <v>99</v>
      </c>
      <c r="Z2" s="126" t="s">
        <v>111</v>
      </c>
      <c r="AA2" s="123" t="s">
        <v>109</v>
      </c>
      <c r="AB2" s="123" t="s">
        <v>133</v>
      </c>
      <c r="AC2" s="123" t="s">
        <v>134</v>
      </c>
      <c r="AD2" s="123" t="s">
        <v>135</v>
      </c>
      <c r="AE2" s="123" t="s">
        <v>113</v>
      </c>
      <c r="AF2" s="107" t="s">
        <v>110</v>
      </c>
      <c r="AG2" s="107" t="s">
        <v>112</v>
      </c>
      <c r="AH2" s="107" t="s">
        <v>97</v>
      </c>
      <c r="AI2" s="107" t="s">
        <v>131</v>
      </c>
      <c r="AJ2" s="107" t="s">
        <v>117</v>
      </c>
      <c r="AK2" s="116"/>
      <c r="AL2" s="129"/>
      <c r="AM2" s="129"/>
      <c r="AN2" s="119" t="s">
        <v>119</v>
      </c>
      <c r="AO2" s="119" t="s">
        <v>120</v>
      </c>
      <c r="AP2" s="119" t="s">
        <v>121</v>
      </c>
      <c r="AQ2" s="119" t="s">
        <v>131</v>
      </c>
      <c r="AR2" s="119" t="s">
        <v>122</v>
      </c>
      <c r="AS2" s="119" t="s">
        <v>123</v>
      </c>
      <c r="AT2" s="119" t="s">
        <v>124</v>
      </c>
      <c r="AU2" s="26"/>
    </row>
    <row r="3" spans="1:48" s="3" customFormat="1" ht="61.2">
      <c r="A3" s="19"/>
      <c r="B3" s="19"/>
      <c r="C3" s="105"/>
      <c r="D3" s="140"/>
      <c r="E3" s="102"/>
      <c r="F3" s="105"/>
      <c r="G3" s="22"/>
      <c r="H3" s="111" t="s">
        <v>102</v>
      </c>
      <c r="I3" s="111" t="s">
        <v>103</v>
      </c>
      <c r="J3" s="111" t="s">
        <v>115</v>
      </c>
      <c r="K3" s="111" t="s">
        <v>104</v>
      </c>
      <c r="L3" s="111" t="s">
        <v>105</v>
      </c>
      <c r="M3" s="111" t="s">
        <v>106</v>
      </c>
      <c r="N3" s="111" t="s">
        <v>107</v>
      </c>
      <c r="O3" s="111" t="s">
        <v>132</v>
      </c>
      <c r="P3" s="115"/>
      <c r="Q3" s="115"/>
      <c r="R3" s="119"/>
      <c r="S3" s="119"/>
      <c r="T3" s="119"/>
      <c r="U3" s="119"/>
      <c r="V3" s="126"/>
      <c r="W3" s="126"/>
      <c r="X3" s="126"/>
      <c r="Y3" s="126"/>
      <c r="Z3" s="126"/>
      <c r="AA3" s="123"/>
      <c r="AB3" s="123"/>
      <c r="AC3" s="123"/>
      <c r="AD3" s="123"/>
      <c r="AE3" s="123"/>
      <c r="AF3" s="107"/>
      <c r="AG3" s="107"/>
      <c r="AH3" s="107"/>
      <c r="AI3" s="107"/>
      <c r="AJ3" s="107"/>
      <c r="AK3" s="116"/>
      <c r="AL3" s="129"/>
      <c r="AM3" s="129"/>
      <c r="AN3" s="131"/>
      <c r="AO3" s="131"/>
      <c r="AP3" s="131"/>
      <c r="AQ3" s="131"/>
      <c r="AR3" s="131"/>
      <c r="AS3" s="131"/>
      <c r="AT3" s="131"/>
      <c r="AU3" s="26"/>
    </row>
    <row r="4" spans="1:48" s="3" customFormat="1" ht="112.2">
      <c r="A4" s="19"/>
      <c r="B4" s="102" t="s">
        <v>78</v>
      </c>
      <c r="C4" s="102" t="s">
        <v>316</v>
      </c>
      <c r="D4" s="102" t="s">
        <v>314</v>
      </c>
      <c r="E4" s="102" t="s">
        <v>55</v>
      </c>
      <c r="F4" s="102" t="s">
        <v>313</v>
      </c>
      <c r="G4" s="22"/>
      <c r="H4" s="134" t="str">
        <f>CONCATENATE(H1,"/ ",H2,"/ ",H3)</f>
        <v>Kosmetyki/ dermo-kosmetyki/ Pielęgnacja/ Balsamy, mleczka, olejki</v>
      </c>
      <c r="I4" s="134" t="str">
        <f t="shared" ref="I4:O4" si="0">CONCATENATE(I1,"/ ",I2,"/ ",I3)</f>
        <v>Kosmetyki/ dermo-kosmetyki/ Pielęgnacja/ Preparaty nawilżające</v>
      </c>
      <c r="J4" s="134" t="str">
        <f t="shared" si="0"/>
        <v>Kosmetyki/ dermo-kosmetyki/ Pielęgnacja/ Preparaty ochronne</v>
      </c>
      <c r="K4" s="134" t="str">
        <f t="shared" si="0"/>
        <v>Kosmetyki/ dermo-kosmetyki/ Pielęgnacja/ Skóra podrażniona</v>
      </c>
      <c r="L4" s="134" t="str">
        <f t="shared" si="0"/>
        <v>Kosmetyki/ dermo-kosmetyki/ Pielęgnacja/ Skóra sucha</v>
      </c>
      <c r="M4" s="134" t="str">
        <f t="shared" si="0"/>
        <v>Kosmetyki/ dermo-kosmetyki/ Pielęgnacja/ Skóra wrażliwa i alergiczna</v>
      </c>
      <c r="N4" s="134" t="str">
        <f t="shared" si="0"/>
        <v>Kosmetyki/ dermo-kosmetyki/ Pielęgnacja/ Szampony</v>
      </c>
      <c r="O4" s="134" t="str">
        <f t="shared" si="0"/>
        <v>Kosmetyki/ dermo-kosmetyki/ Pielęgnacja/ Żele, emulsje, płyny, pianki do kąpieli / Do kąpieli i pod prysznic</v>
      </c>
      <c r="P4" s="135" t="str">
        <f t="shared" ref="P4" si="1">CONCATENATE(P1,"/ ",P2,"/ ",P3)</f>
        <v xml:space="preserve">Problemy skórne/ Rany, owrzodzenia, odleżyny, podrażnienia/ </v>
      </c>
      <c r="Q4" s="135" t="str">
        <f t="shared" ref="Q4" si="2">CONCATENATE(Q1,"/ ",Q2,"/ ",Q3)</f>
        <v xml:space="preserve">Problemy skórne/ Stany zapalne skóry/ </v>
      </c>
      <c r="R4" s="136" t="str">
        <f t="shared" ref="R4" si="3">CONCATENATE(R1,"/ ",R2,"/ ",R3)</f>
        <v xml:space="preserve">Higiena/ Artykuły higieniczne/ Chusteczki/ Mokre chusteczki/ Chusteczki nasączone/ </v>
      </c>
      <c r="S4" s="136" t="str">
        <f t="shared" ref="S4" si="4">CONCATENATE(S1,"/ ",S2,"/ ",S3)</f>
        <v xml:space="preserve">Higiena/ Artykuły higieniczne/ Żele, emulsje, płyny, pianki do kąpieli / Do kąpieli i pod prysznic/ </v>
      </c>
      <c r="T4" s="136" t="str">
        <f t="shared" ref="T4" si="5">CONCATENATE(T1,"/ ",T2,"/ ",T3)</f>
        <v xml:space="preserve">Higiena/ Artykuły higieniczne/ Podkłady higieniczne/ </v>
      </c>
      <c r="U4" s="136" t="str">
        <f t="shared" ref="U4" si="6">CONCATENATE(U1,"/ ",U2,"/ ",U3)</f>
        <v xml:space="preserve">Higiena/ Artykuły higieniczne/ Podpaski, tampony, wkładki/ </v>
      </c>
      <c r="V4" s="137" t="str">
        <f t="shared" ref="V4" si="7">CONCATENATE(V1,"/ ",V2,"/ ",V3)</f>
        <v xml:space="preserve">Środki opatrunkowe i higeniczne/ Pieluchy dla dorosłych/ </v>
      </c>
      <c r="W4" s="137" t="str">
        <f t="shared" ref="W4" si="8">CONCATENATE(W1,"/ ",W2,"/ ",W3)</f>
        <v xml:space="preserve">Środki opatrunkowe i higeniczne/ Chusteczki/ Mokre chusteczki/ Chusteczki nasączone/ </v>
      </c>
      <c r="X4" s="137" t="str">
        <f t="shared" ref="X4" si="9">CONCATENATE(X1,"/ ",X2,"/ ",X3)</f>
        <v xml:space="preserve">Środki opatrunkowe i higeniczne/ Podkłady higieniczne/ </v>
      </c>
      <c r="Y4" s="137" t="str">
        <f t="shared" ref="Y4" si="10">CONCATENATE(Y1,"/ ",Y2,"/ ",Y3)</f>
        <v xml:space="preserve">Środki opatrunkowe i higeniczne/ Podpaski, tampony, wkładki/ </v>
      </c>
      <c r="Z4" s="137" t="str">
        <f t="shared" ref="Z4" si="11">CONCATENATE(Z1,"/ ",Z2,"/ ",Z3)</f>
        <v xml:space="preserve">Środki opatrunkowe i higeniczne/ Wkładki higieniczne/ </v>
      </c>
      <c r="AA4" s="138" t="str">
        <f t="shared" ref="AA4" si="12">CONCATENATE(AA1,"/ ",AA2,"/ ",AA3)</f>
        <v xml:space="preserve">Ciąża i dziecko/ Mama i dziecko/ Wyprawka do szpitala/ </v>
      </c>
      <c r="AB4" s="138" t="str">
        <f t="shared" ref="AB4" si="13">CONCATENATE(AB1,"/ ",AB2,"/ ",AB3)</f>
        <v xml:space="preserve">Ciąża i dziecko/ Mama i dziecko/ Kremy i maści/ </v>
      </c>
      <c r="AC4" s="138" t="str">
        <f t="shared" ref="AC4" si="14">CONCATENATE(AC1,"/ ",AC2,"/ ",AC3)</f>
        <v xml:space="preserve">Ciąża i dziecko/ Mama i dziecko/ Majtki i wkładki poporodowe/ </v>
      </c>
      <c r="AD4" s="138" t="str">
        <f t="shared" ref="AD4" si="15">CONCATENATE(AD1,"/ ",AD2,"/ ",AD3)</f>
        <v xml:space="preserve">Ciąża i dziecko/ Mama i dziecko/ Pieluszki, majteczki, (podkłady)/ </v>
      </c>
      <c r="AE4" s="138" t="str">
        <f t="shared" ref="AE4" si="16">CONCATENATE(AE1,"/ ",AE2,"/ ",AE3)</f>
        <v xml:space="preserve">Drogi moczowe/ nietrzymanie moczu/ Wkładki anatomiczne/ </v>
      </c>
      <c r="AF4" s="139" t="str">
        <f t="shared" ref="AF4" si="17">CONCATENATE(AF1,"/ ",AF2,"/ ",AF3)</f>
        <v xml:space="preserve">Drogi moczowe/ nietrzymanie moczu/ Wkładki urologiczne/ </v>
      </c>
      <c r="AG4" s="139" t="str">
        <f t="shared" ref="AG4" si="18">CONCATENATE(AG1,"/ ",AG2,"/ ",AG3)</f>
        <v xml:space="preserve">Drogi moczowe/ nietrzymanie moczu/ Pieluchomajtki/ </v>
      </c>
      <c r="AH4" s="139" t="str">
        <f t="shared" ref="AH4" si="19">CONCATENATE(AH1,"/ ",AH2,"/ ",AH3)</f>
        <v xml:space="preserve">Drogi moczowe/ nietrzymanie moczu/ Pieluchy dla dorosłych/ </v>
      </c>
      <c r="AI4" s="139" t="str">
        <f t="shared" ref="AI4" si="20">CONCATENATE(AI1,"/ ",AI2,"/ ",AI3)</f>
        <v xml:space="preserve">Drogi moczowe/ nietrzymanie moczu/ Podkłady nieprzemakalne/ Prześcieradła/ </v>
      </c>
      <c r="AJ4" s="139" t="str">
        <f t="shared" ref="AJ4" si="21">CONCATENATE(AJ1,"/ ",AJ2,"/ ",AJ3)</f>
        <v xml:space="preserve">Drogi moczowe/ nietrzymanie moczu/ Majtki chłonne/ </v>
      </c>
      <c r="AK4" s="135" t="str">
        <f t="shared" ref="AK4" si="22">CONCATENATE(AK1,"/ ",AK2,"/ ",AK3)</f>
        <v xml:space="preserve">Dla niego/ Mężczyzna/ / </v>
      </c>
      <c r="AL4" s="135" t="str">
        <f t="shared" ref="AL4:AM4" si="23">CONCATENATE(AL1,"/ ",AL2,"/ ",AL3)</f>
        <v xml:space="preserve">Dla niej/ Kobieta/ / </v>
      </c>
      <c r="AM4" s="135" t="str">
        <f t="shared" si="23"/>
        <v xml:space="preserve">Akcesoria/ / </v>
      </c>
      <c r="AN4" s="136" t="str">
        <f t="shared" ref="AN4" si="24">CONCATENATE(AN1,"/ ",AN2,"/ ",AN3)</f>
        <v xml:space="preserve">Sklep rehabilitacyjny/ Opatrunki/ </v>
      </c>
      <c r="AO4" s="136" t="str">
        <f t="shared" ref="AO4" si="25">CONCATENATE(AO1,"/ ",AO2,"/ ",AO3)</f>
        <v xml:space="preserve">Sklep rehabilitacyjny/ Higiena i pielęgnacja chorych/ </v>
      </c>
      <c r="AP4" s="136" t="str">
        <f t="shared" ref="AP4" si="26">CONCATENATE(AP1,"/ ",AP2,"/ ",AP3)</f>
        <v xml:space="preserve">Sklep rehabilitacyjny/ Dla pacjenta leżącego/ </v>
      </c>
      <c r="AQ4" s="136" t="str">
        <f t="shared" ref="AQ4" si="27">CONCATENATE(AQ1,"/ ",AQ2,"/ ",AQ3)</f>
        <v xml:space="preserve">Sklep rehabilitacyjny/ Podkłady nieprzemakalne/ Prześcieradła/ </v>
      </c>
      <c r="AR4" s="136" t="str">
        <f t="shared" ref="AR4" si="28">CONCATENATE(AR1,"/ ",AR2,"/ ",AR3)</f>
        <v xml:space="preserve">Sklep rehabilitacyjny/ Artykuły medyczne i rehabilitacyjne/ </v>
      </c>
      <c r="AS4" s="136" t="str">
        <f t="shared" ref="AS4" si="29">CONCATENATE(AS1,"/ ",AS2,"/ ",AS3)</f>
        <v xml:space="preserve">Sklep rehabilitacyjny/ Akcesoria dla osób starszych i niepełnosprawnych/ </v>
      </c>
      <c r="AT4" s="136" t="str">
        <f t="shared" ref="AT4" si="30">CONCATENATE(AT1,"/ ",AT2,"/ ",AT3)</f>
        <v xml:space="preserve">Sklep rehabilitacyjny/ Apteczki i materiały opatrunkowe/ </v>
      </c>
      <c r="AU4" s="26"/>
    </row>
    <row r="5" spans="1:48" s="2" customFormat="1" ht="13.5" customHeight="1">
      <c r="A5" s="9"/>
      <c r="B5" s="9" t="s">
        <v>242</v>
      </c>
      <c r="C5" s="5">
        <v>1</v>
      </c>
      <c r="D5" s="7">
        <v>14</v>
      </c>
      <c r="E5" s="7">
        <v>757038</v>
      </c>
      <c r="F5" s="6" t="s">
        <v>14</v>
      </c>
      <c r="G5" s="23"/>
      <c r="H5" s="112"/>
      <c r="I5" s="112"/>
      <c r="J5" s="112"/>
      <c r="K5" s="112"/>
      <c r="L5" s="112"/>
      <c r="M5" s="112"/>
      <c r="N5" s="112"/>
      <c r="O5" s="112"/>
      <c r="P5" s="116"/>
      <c r="Q5" s="116"/>
      <c r="R5" s="120"/>
      <c r="S5" s="120"/>
      <c r="T5" s="120" t="s">
        <v>180</v>
      </c>
      <c r="U5" s="120" t="s">
        <v>180</v>
      </c>
      <c r="V5" s="127"/>
      <c r="W5" s="127"/>
      <c r="X5" s="127"/>
      <c r="Y5" s="127" t="s">
        <v>180</v>
      </c>
      <c r="Z5" s="127" t="s">
        <v>180</v>
      </c>
      <c r="AA5" s="124"/>
      <c r="AB5" s="124"/>
      <c r="AC5" s="124" t="s">
        <v>180</v>
      </c>
      <c r="AD5" s="124" t="s">
        <v>180</v>
      </c>
      <c r="AE5" s="124" t="s">
        <v>180</v>
      </c>
      <c r="AF5" s="108" t="s">
        <v>180</v>
      </c>
      <c r="AG5" s="108"/>
      <c r="AH5" s="108"/>
      <c r="AI5" s="108" t="s">
        <v>180</v>
      </c>
      <c r="AJ5" s="108"/>
      <c r="AK5" s="116"/>
      <c r="AL5" s="116" t="s">
        <v>180</v>
      </c>
      <c r="AM5" s="129"/>
      <c r="AN5" s="131"/>
      <c r="AO5" s="120" t="s">
        <v>180</v>
      </c>
      <c r="AP5" s="131"/>
      <c r="AQ5" s="131"/>
      <c r="AR5" s="131"/>
      <c r="AS5" s="131"/>
      <c r="AT5" s="131"/>
      <c r="AU5" s="103"/>
      <c r="AV5" s="97"/>
    </row>
    <row r="6" spans="1:48" s="2" customFormat="1" ht="13.5" customHeight="1">
      <c r="A6" s="9"/>
      <c r="B6" s="9" t="s">
        <v>242</v>
      </c>
      <c r="C6" s="5">
        <v>2</v>
      </c>
      <c r="D6" s="11">
        <v>28</v>
      </c>
      <c r="E6" s="11">
        <v>761130</v>
      </c>
      <c r="F6" s="10" t="s">
        <v>14</v>
      </c>
      <c r="G6" s="23"/>
      <c r="H6" s="112"/>
      <c r="I6" s="112"/>
      <c r="J6" s="112"/>
      <c r="K6" s="112"/>
      <c r="L6" s="112"/>
      <c r="M6" s="112"/>
      <c r="N6" s="112"/>
      <c r="O6" s="112"/>
      <c r="P6" s="116"/>
      <c r="Q6" s="116"/>
      <c r="R6" s="120"/>
      <c r="S6" s="120"/>
      <c r="T6" s="120" t="s">
        <v>180</v>
      </c>
      <c r="U6" s="120" t="s">
        <v>180</v>
      </c>
      <c r="V6" s="127"/>
      <c r="W6" s="127"/>
      <c r="X6" s="127"/>
      <c r="Y6" s="127" t="s">
        <v>180</v>
      </c>
      <c r="Z6" s="127" t="s">
        <v>180</v>
      </c>
      <c r="AA6" s="124"/>
      <c r="AB6" s="124"/>
      <c r="AC6" s="124" t="s">
        <v>180</v>
      </c>
      <c r="AD6" s="124" t="s">
        <v>180</v>
      </c>
      <c r="AE6" s="124" t="s">
        <v>180</v>
      </c>
      <c r="AF6" s="108" t="s">
        <v>180</v>
      </c>
      <c r="AG6" s="108"/>
      <c r="AH6" s="108"/>
      <c r="AI6" s="108" t="s">
        <v>180</v>
      </c>
      <c r="AJ6" s="108"/>
      <c r="AK6" s="116"/>
      <c r="AL6" s="116" t="s">
        <v>180</v>
      </c>
      <c r="AM6" s="129"/>
      <c r="AN6" s="131"/>
      <c r="AO6" s="120" t="s">
        <v>180</v>
      </c>
      <c r="AP6" s="131"/>
      <c r="AQ6" s="131"/>
      <c r="AR6" s="131"/>
      <c r="AS6" s="131"/>
      <c r="AT6" s="131"/>
      <c r="AU6" s="103"/>
      <c r="AV6" s="97"/>
    </row>
    <row r="7" spans="1:48" s="2" customFormat="1" ht="13.5" customHeight="1">
      <c r="A7" s="9"/>
      <c r="B7" s="9" t="s">
        <v>242</v>
      </c>
      <c r="C7" s="5">
        <v>3</v>
      </c>
      <c r="D7" s="11">
        <v>10</v>
      </c>
      <c r="E7" s="11">
        <v>757138</v>
      </c>
      <c r="F7" s="10" t="s">
        <v>1</v>
      </c>
      <c r="G7" s="23"/>
      <c r="H7" s="112"/>
      <c r="I7" s="112"/>
      <c r="J7" s="112"/>
      <c r="K7" s="112"/>
      <c r="L7" s="112"/>
      <c r="M7" s="112"/>
      <c r="N7" s="112"/>
      <c r="O7" s="112"/>
      <c r="P7" s="116"/>
      <c r="Q7" s="116"/>
      <c r="R7" s="120"/>
      <c r="S7" s="120"/>
      <c r="T7" s="120"/>
      <c r="U7" s="120"/>
      <c r="V7" s="127"/>
      <c r="W7" s="127"/>
      <c r="X7" s="127"/>
      <c r="Y7" s="127"/>
      <c r="Z7" s="127"/>
      <c r="AA7" s="124"/>
      <c r="AB7" s="124"/>
      <c r="AC7" s="124"/>
      <c r="AD7" s="124"/>
      <c r="AE7" s="124"/>
      <c r="AF7" s="108"/>
      <c r="AG7" s="108"/>
      <c r="AH7" s="108"/>
      <c r="AI7" s="108"/>
      <c r="AJ7" s="108"/>
      <c r="AK7" s="116"/>
      <c r="AL7" s="129"/>
      <c r="AM7" s="129"/>
      <c r="AN7" s="131"/>
      <c r="AO7" s="131"/>
      <c r="AP7" s="131"/>
      <c r="AQ7" s="131"/>
      <c r="AR7" s="131"/>
      <c r="AS7" s="131"/>
      <c r="AT7" s="131"/>
      <c r="AU7" s="103"/>
      <c r="AV7" s="97"/>
    </row>
    <row r="8" spans="1:48" s="2" customFormat="1" ht="13.5" customHeight="1">
      <c r="A8" s="9"/>
      <c r="B8" s="9" t="s">
        <v>242</v>
      </c>
      <c r="C8" s="5">
        <v>4</v>
      </c>
      <c r="D8" s="11">
        <v>20</v>
      </c>
      <c r="E8" s="11">
        <v>760210</v>
      </c>
      <c r="F8" s="10" t="s">
        <v>1</v>
      </c>
      <c r="G8" s="23"/>
      <c r="H8" s="112"/>
      <c r="I8" s="112"/>
      <c r="J8" s="112"/>
      <c r="K8" s="112"/>
      <c r="L8" s="112"/>
      <c r="M8" s="112"/>
      <c r="N8" s="112"/>
      <c r="O8" s="112"/>
      <c r="P8" s="116"/>
      <c r="Q8" s="116"/>
      <c r="R8" s="120"/>
      <c r="S8" s="120"/>
      <c r="T8" s="120"/>
      <c r="U8" s="120"/>
      <c r="V8" s="127"/>
      <c r="W8" s="127"/>
      <c r="X8" s="127"/>
      <c r="Y8" s="127"/>
      <c r="Z8" s="127"/>
      <c r="AA8" s="124"/>
      <c r="AB8" s="124"/>
      <c r="AC8" s="124"/>
      <c r="AD8" s="124"/>
      <c r="AE8" s="124"/>
      <c r="AF8" s="108"/>
      <c r="AG8" s="108"/>
      <c r="AH8" s="108"/>
      <c r="AI8" s="108"/>
      <c r="AJ8" s="108"/>
      <c r="AK8" s="116"/>
      <c r="AL8" s="129"/>
      <c r="AM8" s="129"/>
      <c r="AN8" s="131"/>
      <c r="AO8" s="131"/>
      <c r="AP8" s="131"/>
      <c r="AQ8" s="131"/>
      <c r="AR8" s="131"/>
      <c r="AS8" s="131"/>
      <c r="AT8" s="131"/>
      <c r="AU8" s="103"/>
      <c r="AV8" s="97"/>
    </row>
    <row r="9" spans="1:48" s="2" customFormat="1" ht="13.5" customHeight="1">
      <c r="A9" s="9"/>
      <c r="B9" s="9" t="s">
        <v>242</v>
      </c>
      <c r="C9" s="5">
        <v>5</v>
      </c>
      <c r="D9" s="11">
        <v>18</v>
      </c>
      <c r="E9" s="11">
        <v>762230</v>
      </c>
      <c r="F9" s="10" t="s">
        <v>58</v>
      </c>
      <c r="G9" s="23"/>
      <c r="H9" s="112"/>
      <c r="I9" s="112"/>
      <c r="J9" s="112"/>
      <c r="K9" s="112"/>
      <c r="L9" s="112"/>
      <c r="M9" s="112"/>
      <c r="N9" s="112"/>
      <c r="O9" s="112"/>
      <c r="P9" s="116"/>
      <c r="Q9" s="116"/>
      <c r="R9" s="120"/>
      <c r="S9" s="120"/>
      <c r="T9" s="120"/>
      <c r="U9" s="120"/>
      <c r="V9" s="127"/>
      <c r="W9" s="127"/>
      <c r="X9" s="127"/>
      <c r="Y9" s="127"/>
      <c r="Z9" s="127"/>
      <c r="AA9" s="124"/>
      <c r="AB9" s="124"/>
      <c r="AC9" s="124"/>
      <c r="AD9" s="124"/>
      <c r="AE9" s="124"/>
      <c r="AF9" s="108"/>
      <c r="AG9" s="108"/>
      <c r="AH9" s="108"/>
      <c r="AI9" s="108"/>
      <c r="AJ9" s="108"/>
      <c r="AK9" s="116"/>
      <c r="AL9" s="129"/>
      <c r="AM9" s="129"/>
      <c r="AN9" s="131"/>
      <c r="AO9" s="131"/>
      <c r="AP9" s="131"/>
      <c r="AQ9" s="131"/>
      <c r="AR9" s="131"/>
      <c r="AS9" s="131"/>
      <c r="AT9" s="131"/>
      <c r="AU9" s="103"/>
      <c r="AV9" s="97"/>
    </row>
    <row r="10" spans="1:48" s="2" customFormat="1" ht="13.5" customHeight="1">
      <c r="A10" s="9"/>
      <c r="B10" s="9" t="s">
        <v>242</v>
      </c>
      <c r="C10" s="5">
        <v>6</v>
      </c>
      <c r="D10" s="11">
        <v>16</v>
      </c>
      <c r="E10" s="11">
        <v>760311</v>
      </c>
      <c r="F10" s="10" t="s">
        <v>15</v>
      </c>
      <c r="G10" s="23"/>
      <c r="H10" s="112"/>
      <c r="I10" s="112"/>
      <c r="J10" s="112"/>
      <c r="K10" s="112"/>
      <c r="L10" s="112"/>
      <c r="M10" s="112"/>
      <c r="N10" s="112"/>
      <c r="O10" s="112"/>
      <c r="P10" s="116"/>
      <c r="Q10" s="116"/>
      <c r="R10" s="120"/>
      <c r="S10" s="120"/>
      <c r="T10" s="120"/>
      <c r="U10" s="120"/>
      <c r="V10" s="127"/>
      <c r="W10" s="127"/>
      <c r="X10" s="127"/>
      <c r="Y10" s="127"/>
      <c r="Z10" s="127"/>
      <c r="AA10" s="124"/>
      <c r="AB10" s="124"/>
      <c r="AC10" s="124"/>
      <c r="AD10" s="124"/>
      <c r="AE10" s="124"/>
      <c r="AF10" s="108"/>
      <c r="AG10" s="108"/>
      <c r="AH10" s="108"/>
      <c r="AI10" s="108"/>
      <c r="AJ10" s="108"/>
      <c r="AK10" s="116"/>
      <c r="AL10" s="129"/>
      <c r="AM10" s="129"/>
      <c r="AN10" s="131"/>
      <c r="AO10" s="131"/>
      <c r="AP10" s="131"/>
      <c r="AQ10" s="131"/>
      <c r="AR10" s="131"/>
      <c r="AS10" s="131"/>
      <c r="AT10" s="131"/>
      <c r="AU10" s="103"/>
      <c r="AV10" s="97"/>
    </row>
    <row r="11" spans="1:48" s="2" customFormat="1" ht="13.5" customHeight="1">
      <c r="A11" s="9"/>
      <c r="B11" s="9" t="s">
        <v>242</v>
      </c>
      <c r="C11" s="5">
        <v>7</v>
      </c>
      <c r="D11" s="7">
        <v>16</v>
      </c>
      <c r="E11" s="7">
        <v>762301</v>
      </c>
      <c r="F11" s="6" t="s">
        <v>59</v>
      </c>
      <c r="G11" s="23"/>
      <c r="H11" s="112"/>
      <c r="I11" s="112"/>
      <c r="J11" s="112"/>
      <c r="K11" s="112"/>
      <c r="L11" s="112"/>
      <c r="M11" s="112"/>
      <c r="N11" s="112"/>
      <c r="O11" s="112"/>
      <c r="P11" s="116"/>
      <c r="Q11" s="116"/>
      <c r="R11" s="120"/>
      <c r="S11" s="120"/>
      <c r="T11" s="120"/>
      <c r="U11" s="120"/>
      <c r="V11" s="127"/>
      <c r="W11" s="127"/>
      <c r="X11" s="127"/>
      <c r="Y11" s="127"/>
      <c r="Z11" s="127"/>
      <c r="AA11" s="124"/>
      <c r="AB11" s="124"/>
      <c r="AC11" s="124"/>
      <c r="AD11" s="124"/>
      <c r="AE11" s="124"/>
      <c r="AF11" s="108"/>
      <c r="AG11" s="108"/>
      <c r="AH11" s="108"/>
      <c r="AI11" s="108"/>
      <c r="AJ11" s="108"/>
      <c r="AK11" s="116"/>
      <c r="AL11" s="129"/>
      <c r="AM11" s="129"/>
      <c r="AN11" s="131"/>
      <c r="AO11" s="131"/>
      <c r="AP11" s="131"/>
      <c r="AQ11" s="131"/>
      <c r="AR11" s="131"/>
      <c r="AS11" s="131"/>
      <c r="AT11" s="131"/>
      <c r="AU11" s="103"/>
      <c r="AV11" s="97"/>
    </row>
    <row r="12" spans="1:48" s="2" customFormat="1" ht="13.5" customHeight="1">
      <c r="A12" s="9"/>
      <c r="B12" s="9" t="s">
        <v>242</v>
      </c>
      <c r="C12" s="5">
        <v>8</v>
      </c>
      <c r="D12" s="7">
        <v>12</v>
      </c>
      <c r="E12" s="7">
        <v>760411</v>
      </c>
      <c r="F12" s="6" t="s">
        <v>2</v>
      </c>
      <c r="G12" s="23"/>
      <c r="H12" s="112"/>
      <c r="I12" s="112"/>
      <c r="J12" s="112"/>
      <c r="K12" s="112"/>
      <c r="L12" s="112"/>
      <c r="M12" s="112"/>
      <c r="N12" s="112"/>
      <c r="O12" s="112"/>
      <c r="P12" s="116"/>
      <c r="Q12" s="116"/>
      <c r="R12" s="120"/>
      <c r="S12" s="120"/>
      <c r="T12" s="120"/>
      <c r="U12" s="120"/>
      <c r="V12" s="127"/>
      <c r="W12" s="127"/>
      <c r="X12" s="127"/>
      <c r="Y12" s="127"/>
      <c r="Z12" s="127"/>
      <c r="AA12" s="124"/>
      <c r="AB12" s="124"/>
      <c r="AC12" s="124"/>
      <c r="AD12" s="124"/>
      <c r="AE12" s="124"/>
      <c r="AF12" s="108"/>
      <c r="AG12" s="108"/>
      <c r="AH12" s="108"/>
      <c r="AI12" s="108"/>
      <c r="AJ12" s="108"/>
      <c r="AK12" s="116"/>
      <c r="AL12" s="129"/>
      <c r="AM12" s="129"/>
      <c r="AN12" s="131"/>
      <c r="AO12" s="131"/>
      <c r="AP12" s="131"/>
      <c r="AQ12" s="131"/>
      <c r="AR12" s="131"/>
      <c r="AS12" s="131"/>
      <c r="AT12" s="131"/>
      <c r="AU12" s="103"/>
      <c r="AV12" s="97"/>
    </row>
    <row r="13" spans="1:48" s="2" customFormat="1" ht="13.5" customHeight="1">
      <c r="A13" s="9"/>
      <c r="B13" s="9" t="s">
        <v>242</v>
      </c>
      <c r="C13" s="5">
        <v>9</v>
      </c>
      <c r="D13" s="7">
        <v>24</v>
      </c>
      <c r="E13" s="7">
        <v>760406</v>
      </c>
      <c r="F13" s="6" t="s">
        <v>2</v>
      </c>
      <c r="G13" s="23"/>
      <c r="H13" s="112"/>
      <c r="I13" s="112"/>
      <c r="J13" s="112"/>
      <c r="K13" s="112"/>
      <c r="L13" s="112"/>
      <c r="M13" s="112"/>
      <c r="N13" s="112"/>
      <c r="O13" s="112"/>
      <c r="P13" s="116"/>
      <c r="Q13" s="116"/>
      <c r="R13" s="120"/>
      <c r="S13" s="120"/>
      <c r="T13" s="120"/>
      <c r="U13" s="120"/>
      <c r="V13" s="127"/>
      <c r="W13" s="127"/>
      <c r="X13" s="127"/>
      <c r="Y13" s="127"/>
      <c r="Z13" s="127"/>
      <c r="AA13" s="124"/>
      <c r="AB13" s="124"/>
      <c r="AC13" s="124"/>
      <c r="AD13" s="124"/>
      <c r="AE13" s="124"/>
      <c r="AF13" s="108"/>
      <c r="AG13" s="108"/>
      <c r="AH13" s="108"/>
      <c r="AI13" s="108"/>
      <c r="AJ13" s="108"/>
      <c r="AK13" s="116"/>
      <c r="AL13" s="129"/>
      <c r="AM13" s="129"/>
      <c r="AN13" s="131"/>
      <c r="AO13" s="131"/>
      <c r="AP13" s="131"/>
      <c r="AQ13" s="131"/>
      <c r="AR13" s="131"/>
      <c r="AS13" s="131"/>
      <c r="AT13" s="131"/>
      <c r="AU13" s="103"/>
      <c r="AV13" s="97"/>
    </row>
    <row r="14" spans="1:48" s="2" customFormat="1" ht="13.5" customHeight="1">
      <c r="A14" s="9"/>
      <c r="B14" s="9" t="s">
        <v>242</v>
      </c>
      <c r="C14" s="5">
        <v>10</v>
      </c>
      <c r="D14" s="7">
        <v>30</v>
      </c>
      <c r="E14" s="7">
        <v>760476</v>
      </c>
      <c r="F14" s="6" t="s">
        <v>2</v>
      </c>
      <c r="G14" s="23"/>
      <c r="H14" s="112"/>
      <c r="I14" s="112"/>
      <c r="J14" s="112"/>
      <c r="K14" s="112"/>
      <c r="L14" s="112"/>
      <c r="M14" s="112"/>
      <c r="N14" s="112"/>
      <c r="O14" s="112"/>
      <c r="P14" s="116"/>
      <c r="Q14" s="116"/>
      <c r="R14" s="120"/>
      <c r="S14" s="120"/>
      <c r="T14" s="120"/>
      <c r="U14" s="120"/>
      <c r="V14" s="127"/>
      <c r="W14" s="127"/>
      <c r="X14" s="127"/>
      <c r="Y14" s="127"/>
      <c r="Z14" s="127"/>
      <c r="AA14" s="124"/>
      <c r="AB14" s="124"/>
      <c r="AC14" s="124"/>
      <c r="AD14" s="124"/>
      <c r="AE14" s="124"/>
      <c r="AF14" s="108"/>
      <c r="AG14" s="108"/>
      <c r="AH14" s="108"/>
      <c r="AI14" s="108"/>
      <c r="AJ14" s="108"/>
      <c r="AK14" s="116"/>
      <c r="AL14" s="129"/>
      <c r="AM14" s="129"/>
      <c r="AN14" s="131"/>
      <c r="AO14" s="131"/>
      <c r="AP14" s="131"/>
      <c r="AQ14" s="131"/>
      <c r="AR14" s="131"/>
      <c r="AS14" s="131"/>
      <c r="AT14" s="131"/>
      <c r="AU14" s="103"/>
      <c r="AV14" s="97"/>
    </row>
    <row r="15" spans="1:48" s="2" customFormat="1" ht="13.5" customHeight="1">
      <c r="A15" s="9"/>
      <c r="B15" s="9" t="s">
        <v>242</v>
      </c>
      <c r="C15" s="5">
        <v>11</v>
      </c>
      <c r="D15" s="7">
        <v>10</v>
      </c>
      <c r="E15" s="7">
        <v>760511</v>
      </c>
      <c r="F15" s="6" t="s">
        <v>262</v>
      </c>
      <c r="G15" s="23"/>
      <c r="H15" s="112"/>
      <c r="I15" s="112"/>
      <c r="J15" s="112"/>
      <c r="K15" s="112"/>
      <c r="L15" s="112"/>
      <c r="M15" s="112"/>
      <c r="N15" s="112"/>
      <c r="O15" s="112"/>
      <c r="P15" s="116"/>
      <c r="Q15" s="116"/>
      <c r="R15" s="120"/>
      <c r="S15" s="120"/>
      <c r="T15" s="120"/>
      <c r="U15" s="120"/>
      <c r="V15" s="127"/>
      <c r="W15" s="127"/>
      <c r="X15" s="127"/>
      <c r="Y15" s="127"/>
      <c r="Z15" s="127"/>
      <c r="AA15" s="124"/>
      <c r="AB15" s="124"/>
      <c r="AC15" s="124"/>
      <c r="AD15" s="124"/>
      <c r="AE15" s="124"/>
      <c r="AF15" s="108"/>
      <c r="AG15" s="108"/>
      <c r="AH15" s="108"/>
      <c r="AI15" s="108"/>
      <c r="AJ15" s="108"/>
      <c r="AK15" s="116"/>
      <c r="AL15" s="129"/>
      <c r="AM15" s="129"/>
      <c r="AN15" s="131"/>
      <c r="AO15" s="131"/>
      <c r="AP15" s="131"/>
      <c r="AQ15" s="131"/>
      <c r="AR15" s="131"/>
      <c r="AS15" s="131"/>
      <c r="AT15" s="131"/>
      <c r="AU15" s="103"/>
      <c r="AV15" s="97"/>
    </row>
    <row r="16" spans="1:48" s="2" customFormat="1" ht="13.5" customHeight="1">
      <c r="A16" s="9"/>
      <c r="B16" s="9" t="s">
        <v>242</v>
      </c>
      <c r="C16" s="5">
        <v>12</v>
      </c>
      <c r="D16" s="7">
        <v>20</v>
      </c>
      <c r="E16" s="7">
        <v>760506</v>
      </c>
      <c r="F16" s="6" t="s">
        <v>3</v>
      </c>
      <c r="G16" s="23"/>
      <c r="H16" s="112"/>
      <c r="I16" s="112"/>
      <c r="J16" s="112"/>
      <c r="K16" s="112"/>
      <c r="L16" s="112"/>
      <c r="M16" s="112"/>
      <c r="N16" s="112"/>
      <c r="O16" s="112"/>
      <c r="P16" s="116"/>
      <c r="Q16" s="116"/>
      <c r="R16" s="120"/>
      <c r="S16" s="120"/>
      <c r="T16" s="120"/>
      <c r="U16" s="120"/>
      <c r="V16" s="127"/>
      <c r="W16" s="127"/>
      <c r="X16" s="127"/>
      <c r="Y16" s="127"/>
      <c r="Z16" s="127"/>
      <c r="AA16" s="124"/>
      <c r="AB16" s="124"/>
      <c r="AC16" s="124"/>
      <c r="AD16" s="124"/>
      <c r="AE16" s="124"/>
      <c r="AF16" s="108"/>
      <c r="AG16" s="108"/>
      <c r="AH16" s="108"/>
      <c r="AI16" s="108"/>
      <c r="AJ16" s="108"/>
      <c r="AK16" s="116"/>
      <c r="AL16" s="129"/>
      <c r="AM16" s="129"/>
      <c r="AN16" s="131"/>
      <c r="AO16" s="131"/>
      <c r="AP16" s="131"/>
      <c r="AQ16" s="131"/>
      <c r="AR16" s="131"/>
      <c r="AS16" s="131"/>
      <c r="AT16" s="131"/>
      <c r="AU16" s="103"/>
      <c r="AV16" s="97"/>
    </row>
    <row r="17" spans="1:48" s="2" customFormat="1" ht="13.5" customHeight="1">
      <c r="A17" s="9"/>
      <c r="B17" s="9" t="s">
        <v>242</v>
      </c>
      <c r="C17" s="5">
        <v>13</v>
      </c>
      <c r="D17" s="7">
        <v>16</v>
      </c>
      <c r="E17" s="7">
        <v>760602</v>
      </c>
      <c r="F17" s="6" t="s">
        <v>73</v>
      </c>
      <c r="G17" s="23"/>
      <c r="H17" s="112"/>
      <c r="I17" s="112"/>
      <c r="J17" s="112"/>
      <c r="K17" s="112"/>
      <c r="L17" s="112"/>
      <c r="M17" s="112"/>
      <c r="N17" s="112"/>
      <c r="O17" s="112"/>
      <c r="P17" s="116"/>
      <c r="Q17" s="116"/>
      <c r="R17" s="120"/>
      <c r="S17" s="120"/>
      <c r="T17" s="120"/>
      <c r="U17" s="120"/>
      <c r="V17" s="127"/>
      <c r="W17" s="127"/>
      <c r="X17" s="127"/>
      <c r="Y17" s="127"/>
      <c r="Z17" s="127"/>
      <c r="AA17" s="124"/>
      <c r="AB17" s="124"/>
      <c r="AC17" s="124"/>
      <c r="AD17" s="124"/>
      <c r="AE17" s="124"/>
      <c r="AF17" s="108"/>
      <c r="AG17" s="108"/>
      <c r="AH17" s="108"/>
      <c r="AI17" s="108"/>
      <c r="AJ17" s="108"/>
      <c r="AK17" s="116"/>
      <c r="AL17" s="129"/>
      <c r="AM17" s="129"/>
      <c r="AN17" s="131"/>
      <c r="AO17" s="131"/>
      <c r="AP17" s="131"/>
      <c r="AQ17" s="131"/>
      <c r="AR17" s="131"/>
      <c r="AS17" s="131"/>
      <c r="AT17" s="131"/>
      <c r="AU17" s="103"/>
      <c r="AV17" s="97"/>
    </row>
    <row r="18" spans="1:48" s="2" customFormat="1" ht="13.5" customHeight="1">
      <c r="A18" s="9"/>
      <c r="B18" s="9" t="s">
        <v>242</v>
      </c>
      <c r="C18" s="5">
        <v>14</v>
      </c>
      <c r="D18" s="7">
        <v>12</v>
      </c>
      <c r="E18" s="7">
        <v>760931</v>
      </c>
      <c r="F18" s="6" t="s">
        <v>53</v>
      </c>
      <c r="G18" s="23"/>
      <c r="H18" s="112"/>
      <c r="I18" s="112"/>
      <c r="J18" s="112"/>
      <c r="K18" s="112"/>
      <c r="L18" s="112"/>
      <c r="M18" s="112"/>
      <c r="N18" s="112"/>
      <c r="O18" s="112"/>
      <c r="P18" s="116"/>
      <c r="Q18" s="116"/>
      <c r="R18" s="120"/>
      <c r="S18" s="120"/>
      <c r="T18" s="120"/>
      <c r="U18" s="120"/>
      <c r="V18" s="127"/>
      <c r="W18" s="127"/>
      <c r="X18" s="127"/>
      <c r="Y18" s="127"/>
      <c r="Z18" s="127"/>
      <c r="AA18" s="124"/>
      <c r="AB18" s="124"/>
      <c r="AC18" s="124"/>
      <c r="AD18" s="124"/>
      <c r="AE18" s="124"/>
      <c r="AF18" s="108"/>
      <c r="AG18" s="108"/>
      <c r="AH18" s="108"/>
      <c r="AI18" s="108"/>
      <c r="AJ18" s="108"/>
      <c r="AK18" s="116"/>
      <c r="AL18" s="129"/>
      <c r="AM18" s="129"/>
      <c r="AN18" s="131"/>
      <c r="AO18" s="131"/>
      <c r="AP18" s="131"/>
      <c r="AQ18" s="131"/>
      <c r="AR18" s="131"/>
      <c r="AS18" s="131"/>
      <c r="AT18" s="131"/>
      <c r="AU18" s="103"/>
      <c r="AV18" s="97"/>
    </row>
    <row r="19" spans="1:48" s="2" customFormat="1" ht="13.5" customHeight="1">
      <c r="A19" s="9"/>
      <c r="B19" s="9" t="s">
        <v>242</v>
      </c>
      <c r="C19" s="5">
        <v>15</v>
      </c>
      <c r="D19" s="7">
        <v>12</v>
      </c>
      <c r="E19" s="7">
        <v>760922</v>
      </c>
      <c r="F19" s="6" t="s">
        <v>263</v>
      </c>
      <c r="G19" s="23"/>
      <c r="H19" s="112"/>
      <c r="I19" s="112"/>
      <c r="J19" s="112"/>
      <c r="K19" s="112"/>
      <c r="L19" s="112"/>
      <c r="M19" s="112"/>
      <c r="N19" s="112"/>
      <c r="O19" s="112"/>
      <c r="P19" s="116"/>
      <c r="Q19" s="116"/>
      <c r="R19" s="120"/>
      <c r="S19" s="120"/>
      <c r="T19" s="120"/>
      <c r="U19" s="120"/>
      <c r="V19" s="127"/>
      <c r="W19" s="127"/>
      <c r="X19" s="127"/>
      <c r="Y19" s="127"/>
      <c r="Z19" s="127"/>
      <c r="AA19" s="124"/>
      <c r="AB19" s="124"/>
      <c r="AC19" s="124"/>
      <c r="AD19" s="124"/>
      <c r="AE19" s="124"/>
      <c r="AF19" s="108"/>
      <c r="AG19" s="108"/>
      <c r="AH19" s="108"/>
      <c r="AI19" s="108"/>
      <c r="AJ19" s="108"/>
      <c r="AK19" s="116"/>
      <c r="AL19" s="129"/>
      <c r="AM19" s="129"/>
      <c r="AN19" s="131"/>
      <c r="AO19" s="131"/>
      <c r="AP19" s="131"/>
      <c r="AQ19" s="131"/>
      <c r="AR19" s="131"/>
      <c r="AS19" s="131"/>
      <c r="AT19" s="131"/>
      <c r="AU19" s="103"/>
      <c r="AV19" s="97"/>
    </row>
    <row r="20" spans="1:48" s="2" customFormat="1" ht="13.5" customHeight="1">
      <c r="A20" s="9"/>
      <c r="B20" s="9" t="s">
        <v>242</v>
      </c>
      <c r="C20" s="5">
        <v>16</v>
      </c>
      <c r="D20" s="7">
        <v>30</v>
      </c>
      <c r="E20" s="7">
        <v>761703</v>
      </c>
      <c r="F20" s="6" t="s">
        <v>4</v>
      </c>
      <c r="G20" s="23"/>
      <c r="H20" s="112"/>
      <c r="I20" s="112"/>
      <c r="J20" s="112"/>
      <c r="K20" s="112"/>
      <c r="L20" s="112"/>
      <c r="M20" s="112"/>
      <c r="N20" s="112"/>
      <c r="O20" s="112"/>
      <c r="P20" s="116"/>
      <c r="Q20" s="116"/>
      <c r="R20" s="120"/>
      <c r="S20" s="120"/>
      <c r="T20" s="120"/>
      <c r="U20" s="120"/>
      <c r="V20" s="127"/>
      <c r="W20" s="127"/>
      <c r="X20" s="127"/>
      <c r="Y20" s="127"/>
      <c r="Z20" s="127"/>
      <c r="AA20" s="124"/>
      <c r="AB20" s="124"/>
      <c r="AC20" s="124"/>
      <c r="AD20" s="124"/>
      <c r="AE20" s="124"/>
      <c r="AF20" s="108"/>
      <c r="AG20" s="108"/>
      <c r="AH20" s="108"/>
      <c r="AI20" s="108"/>
      <c r="AJ20" s="108"/>
      <c r="AK20" s="116"/>
      <c r="AL20" s="129"/>
      <c r="AM20" s="129"/>
      <c r="AN20" s="131"/>
      <c r="AO20" s="131"/>
      <c r="AP20" s="131"/>
      <c r="AQ20" s="131"/>
      <c r="AR20" s="131"/>
      <c r="AS20" s="131"/>
      <c r="AT20" s="131"/>
      <c r="AU20" s="103"/>
      <c r="AV20" s="97"/>
    </row>
    <row r="21" spans="1:48" s="2" customFormat="1" ht="13.5" customHeight="1">
      <c r="A21" s="9"/>
      <c r="B21" s="9" t="s">
        <v>245</v>
      </c>
      <c r="C21" s="5">
        <v>17</v>
      </c>
      <c r="D21" s="7">
        <v>14</v>
      </c>
      <c r="E21" s="7">
        <v>750403</v>
      </c>
      <c r="F21" s="6" t="s">
        <v>264</v>
      </c>
      <c r="G21" s="23"/>
      <c r="H21" s="112"/>
      <c r="I21" s="112"/>
      <c r="J21" s="112"/>
      <c r="K21" s="112"/>
      <c r="L21" s="112"/>
      <c r="M21" s="112"/>
      <c r="N21" s="112"/>
      <c r="O21" s="112"/>
      <c r="P21" s="116"/>
      <c r="Q21" s="116"/>
      <c r="R21" s="120"/>
      <c r="S21" s="120"/>
      <c r="T21" s="120"/>
      <c r="U21" s="120"/>
      <c r="V21" s="127"/>
      <c r="W21" s="127"/>
      <c r="X21" s="127"/>
      <c r="Y21" s="127"/>
      <c r="Z21" s="127"/>
      <c r="AA21" s="124"/>
      <c r="AB21" s="124"/>
      <c r="AC21" s="124"/>
      <c r="AD21" s="124"/>
      <c r="AE21" s="124"/>
      <c r="AF21" s="108"/>
      <c r="AG21" s="108"/>
      <c r="AH21" s="108"/>
      <c r="AI21" s="108"/>
      <c r="AJ21" s="108"/>
      <c r="AK21" s="116" t="s">
        <v>180</v>
      </c>
      <c r="AL21" s="129"/>
      <c r="AM21" s="129"/>
      <c r="AN21" s="131"/>
      <c r="AO21" s="131"/>
      <c r="AP21" s="131"/>
      <c r="AQ21" s="131"/>
      <c r="AR21" s="131"/>
      <c r="AS21" s="131"/>
      <c r="AT21" s="131"/>
      <c r="AU21" s="103"/>
      <c r="AV21" s="97"/>
    </row>
    <row r="22" spans="1:48" s="2" customFormat="1" ht="13.5" customHeight="1">
      <c r="A22" s="9"/>
      <c r="B22" s="9" t="s">
        <v>245</v>
      </c>
      <c r="C22" s="5">
        <v>18</v>
      </c>
      <c r="D22" s="7">
        <v>24</v>
      </c>
      <c r="E22" s="7">
        <v>750651</v>
      </c>
      <c r="F22" s="6" t="s">
        <v>66</v>
      </c>
      <c r="G22" s="23"/>
      <c r="H22" s="112"/>
      <c r="I22" s="112"/>
      <c r="J22" s="112"/>
      <c r="K22" s="112"/>
      <c r="L22" s="112"/>
      <c r="M22" s="112"/>
      <c r="N22" s="112"/>
      <c r="O22" s="112"/>
      <c r="P22" s="116"/>
      <c r="Q22" s="116"/>
      <c r="R22" s="120"/>
      <c r="S22" s="120"/>
      <c r="T22" s="120"/>
      <c r="U22" s="120"/>
      <c r="V22" s="127"/>
      <c r="W22" s="127"/>
      <c r="X22" s="127"/>
      <c r="Y22" s="127"/>
      <c r="Z22" s="127"/>
      <c r="AA22" s="124"/>
      <c r="AB22" s="124"/>
      <c r="AC22" s="124"/>
      <c r="AD22" s="124"/>
      <c r="AE22" s="124"/>
      <c r="AF22" s="108"/>
      <c r="AG22" s="108"/>
      <c r="AH22" s="108"/>
      <c r="AI22" s="108"/>
      <c r="AJ22" s="108"/>
      <c r="AK22" s="116" t="s">
        <v>180</v>
      </c>
      <c r="AL22" s="129"/>
      <c r="AM22" s="129"/>
      <c r="AN22" s="131"/>
      <c r="AO22" s="131"/>
      <c r="AP22" s="131"/>
      <c r="AQ22" s="131"/>
      <c r="AR22" s="131"/>
      <c r="AS22" s="131"/>
      <c r="AT22" s="131"/>
      <c r="AU22" s="103"/>
      <c r="AV22" s="97"/>
    </row>
    <row r="23" spans="1:48" s="2" customFormat="1" ht="13.5" customHeight="1">
      <c r="A23" s="9"/>
      <c r="B23" s="9" t="s">
        <v>245</v>
      </c>
      <c r="C23" s="5">
        <v>19</v>
      </c>
      <c r="D23" s="7">
        <v>20</v>
      </c>
      <c r="E23" s="7">
        <v>750776</v>
      </c>
      <c r="F23" s="6" t="s">
        <v>54</v>
      </c>
      <c r="G23" s="23"/>
      <c r="H23" s="112"/>
      <c r="I23" s="112"/>
      <c r="J23" s="112"/>
      <c r="K23" s="112"/>
      <c r="L23" s="112"/>
      <c r="M23" s="112"/>
      <c r="N23" s="112"/>
      <c r="O23" s="112"/>
      <c r="P23" s="116"/>
      <c r="Q23" s="116"/>
      <c r="R23" s="120"/>
      <c r="S23" s="120"/>
      <c r="T23" s="120"/>
      <c r="U23" s="120"/>
      <c r="V23" s="127"/>
      <c r="W23" s="127"/>
      <c r="X23" s="127"/>
      <c r="Y23" s="127"/>
      <c r="Z23" s="127"/>
      <c r="AA23" s="124"/>
      <c r="AB23" s="124"/>
      <c r="AC23" s="124"/>
      <c r="AD23" s="124"/>
      <c r="AE23" s="124"/>
      <c r="AF23" s="108"/>
      <c r="AG23" s="108"/>
      <c r="AH23" s="108"/>
      <c r="AI23" s="108"/>
      <c r="AJ23" s="108"/>
      <c r="AK23" s="116" t="s">
        <v>180</v>
      </c>
      <c r="AL23" s="129"/>
      <c r="AM23" s="129"/>
      <c r="AN23" s="131"/>
      <c r="AO23" s="131"/>
      <c r="AP23" s="131"/>
      <c r="AQ23" s="131"/>
      <c r="AR23" s="131"/>
      <c r="AS23" s="131"/>
      <c r="AT23" s="131"/>
      <c r="AU23" s="103"/>
      <c r="AV23" s="97"/>
    </row>
    <row r="24" spans="1:48" s="2" customFormat="1" ht="13.5" customHeight="1">
      <c r="A24" s="9"/>
      <c r="B24" s="9" t="s">
        <v>245</v>
      </c>
      <c r="C24" s="5">
        <v>20</v>
      </c>
      <c r="D24" s="11">
        <v>20</v>
      </c>
      <c r="E24" s="11">
        <v>750858</v>
      </c>
      <c r="F24" s="10" t="s">
        <v>60</v>
      </c>
      <c r="G24" s="23"/>
      <c r="H24" s="112"/>
      <c r="I24" s="112"/>
      <c r="J24" s="112"/>
      <c r="K24" s="112"/>
      <c r="L24" s="112"/>
      <c r="M24" s="112"/>
      <c r="N24" s="112"/>
      <c r="O24" s="112"/>
      <c r="P24" s="116"/>
      <c r="Q24" s="116"/>
      <c r="R24" s="120"/>
      <c r="S24" s="120"/>
      <c r="T24" s="120"/>
      <c r="U24" s="120"/>
      <c r="V24" s="127"/>
      <c r="W24" s="127"/>
      <c r="X24" s="127"/>
      <c r="Y24" s="127"/>
      <c r="Z24" s="127"/>
      <c r="AA24" s="124"/>
      <c r="AB24" s="124"/>
      <c r="AC24" s="124"/>
      <c r="AD24" s="124"/>
      <c r="AE24" s="124"/>
      <c r="AF24" s="108"/>
      <c r="AG24" s="108"/>
      <c r="AH24" s="108"/>
      <c r="AI24" s="108"/>
      <c r="AJ24" s="108"/>
      <c r="AK24" s="116" t="s">
        <v>180</v>
      </c>
      <c r="AL24" s="129"/>
      <c r="AM24" s="129"/>
      <c r="AN24" s="131"/>
      <c r="AO24" s="131"/>
      <c r="AP24" s="131"/>
      <c r="AQ24" s="131"/>
      <c r="AR24" s="131"/>
      <c r="AS24" s="131"/>
      <c r="AT24" s="131"/>
      <c r="AU24" s="103"/>
      <c r="AV24" s="97"/>
    </row>
    <row r="25" spans="1:48" s="2" customFormat="1" ht="13.5" customHeight="1">
      <c r="A25" s="9"/>
      <c r="B25" s="9" t="s">
        <v>246</v>
      </c>
      <c r="C25" s="5">
        <v>21</v>
      </c>
      <c r="D25" s="7">
        <v>15</v>
      </c>
      <c r="E25" s="11">
        <v>791415</v>
      </c>
      <c r="F25" s="6" t="s">
        <v>61</v>
      </c>
      <c r="G25" s="23"/>
      <c r="H25" s="112"/>
      <c r="I25" s="112"/>
      <c r="J25" s="112"/>
      <c r="K25" s="112"/>
      <c r="L25" s="112"/>
      <c r="M25" s="112"/>
      <c r="N25" s="112"/>
      <c r="O25" s="112"/>
      <c r="P25" s="116"/>
      <c r="Q25" s="116"/>
      <c r="R25" s="120"/>
      <c r="S25" s="120"/>
      <c r="T25" s="120"/>
      <c r="U25" s="120"/>
      <c r="V25" s="127" t="s">
        <v>180</v>
      </c>
      <c r="W25" s="127"/>
      <c r="X25" s="127"/>
      <c r="Y25" s="127"/>
      <c r="Z25" s="127"/>
      <c r="AA25" s="124"/>
      <c r="AB25" s="124"/>
      <c r="AC25" s="124" t="s">
        <v>180</v>
      </c>
      <c r="AD25" s="124"/>
      <c r="AE25" s="124"/>
      <c r="AF25" s="108"/>
      <c r="AG25" s="108" t="s">
        <v>180</v>
      </c>
      <c r="AH25" s="108" t="s">
        <v>180</v>
      </c>
      <c r="AI25" s="108"/>
      <c r="AJ25" s="108" t="s">
        <v>180</v>
      </c>
      <c r="AK25" s="116"/>
      <c r="AL25" s="129"/>
      <c r="AM25" s="129"/>
      <c r="AN25" s="131"/>
      <c r="AO25" s="131" t="s">
        <v>180</v>
      </c>
      <c r="AP25" s="131"/>
      <c r="AQ25" s="131"/>
      <c r="AR25" s="131" t="s">
        <v>180</v>
      </c>
      <c r="AS25" s="131" t="s">
        <v>180</v>
      </c>
      <c r="AT25" s="131"/>
      <c r="AU25" s="103"/>
      <c r="AV25" s="97"/>
    </row>
    <row r="26" spans="1:48" s="2" customFormat="1" ht="13.5" customHeight="1">
      <c r="A26" s="9"/>
      <c r="B26" s="9" t="s">
        <v>246</v>
      </c>
      <c r="C26" s="5">
        <v>22</v>
      </c>
      <c r="D26" s="7">
        <v>10</v>
      </c>
      <c r="E26" s="11">
        <v>791510</v>
      </c>
      <c r="F26" s="6" t="s">
        <v>67</v>
      </c>
      <c r="G26" s="23"/>
      <c r="H26" s="112"/>
      <c r="I26" s="112"/>
      <c r="J26" s="112"/>
      <c r="K26" s="112"/>
      <c r="L26" s="112"/>
      <c r="M26" s="112"/>
      <c r="N26" s="112"/>
      <c r="O26" s="112"/>
      <c r="P26" s="116"/>
      <c r="Q26" s="116"/>
      <c r="R26" s="120"/>
      <c r="S26" s="120"/>
      <c r="T26" s="120"/>
      <c r="U26" s="120"/>
      <c r="V26" s="127" t="s">
        <v>180</v>
      </c>
      <c r="W26" s="127"/>
      <c r="X26" s="127"/>
      <c r="Y26" s="127"/>
      <c r="Z26" s="127"/>
      <c r="AA26" s="124" t="s">
        <v>180</v>
      </c>
      <c r="AB26" s="124"/>
      <c r="AC26" s="124" t="s">
        <v>180</v>
      </c>
      <c r="AD26" s="124"/>
      <c r="AE26" s="124"/>
      <c r="AF26" s="108"/>
      <c r="AG26" s="108" t="s">
        <v>180</v>
      </c>
      <c r="AH26" s="108" t="s">
        <v>180</v>
      </c>
      <c r="AI26" s="108"/>
      <c r="AJ26" s="108" t="s">
        <v>180</v>
      </c>
      <c r="AK26" s="116"/>
      <c r="AL26" s="129"/>
      <c r="AM26" s="129"/>
      <c r="AN26" s="131"/>
      <c r="AO26" s="131" t="s">
        <v>180</v>
      </c>
      <c r="AP26" s="131"/>
      <c r="AQ26" s="131"/>
      <c r="AR26" s="131" t="s">
        <v>180</v>
      </c>
      <c r="AS26" s="131" t="s">
        <v>180</v>
      </c>
      <c r="AT26" s="131"/>
      <c r="AU26" s="103"/>
      <c r="AV26" s="97"/>
    </row>
    <row r="27" spans="1:48" s="2" customFormat="1" ht="13.5" customHeight="1">
      <c r="A27" s="9"/>
      <c r="B27" s="9" t="s">
        <v>246</v>
      </c>
      <c r="C27" s="5">
        <v>23</v>
      </c>
      <c r="D27" s="11">
        <v>30</v>
      </c>
      <c r="E27" s="11">
        <v>791530</v>
      </c>
      <c r="F27" s="6" t="s">
        <v>56</v>
      </c>
      <c r="G27" s="23"/>
      <c r="H27" s="112"/>
      <c r="I27" s="112"/>
      <c r="J27" s="112"/>
      <c r="K27" s="112"/>
      <c r="L27" s="112"/>
      <c r="M27" s="112"/>
      <c r="N27" s="112"/>
      <c r="O27" s="112"/>
      <c r="P27" s="116"/>
      <c r="Q27" s="116"/>
      <c r="R27" s="120"/>
      <c r="S27" s="120"/>
      <c r="T27" s="120"/>
      <c r="U27" s="120"/>
      <c r="V27" s="127" t="s">
        <v>180</v>
      </c>
      <c r="W27" s="127"/>
      <c r="X27" s="127"/>
      <c r="Y27" s="127"/>
      <c r="Z27" s="127"/>
      <c r="AA27" s="124"/>
      <c r="AB27" s="124"/>
      <c r="AC27" s="124" t="s">
        <v>180</v>
      </c>
      <c r="AD27" s="124"/>
      <c r="AE27" s="124"/>
      <c r="AF27" s="108"/>
      <c r="AG27" s="108" t="s">
        <v>180</v>
      </c>
      <c r="AH27" s="108" t="s">
        <v>180</v>
      </c>
      <c r="AI27" s="108"/>
      <c r="AJ27" s="108" t="s">
        <v>180</v>
      </c>
      <c r="AK27" s="116"/>
      <c r="AL27" s="129"/>
      <c r="AM27" s="129"/>
      <c r="AN27" s="131"/>
      <c r="AO27" s="131" t="s">
        <v>180</v>
      </c>
      <c r="AP27" s="131"/>
      <c r="AQ27" s="131"/>
      <c r="AR27" s="131" t="s">
        <v>180</v>
      </c>
      <c r="AS27" s="131" t="s">
        <v>180</v>
      </c>
      <c r="AT27" s="131"/>
      <c r="AU27" s="103"/>
      <c r="AV27" s="97"/>
    </row>
    <row r="28" spans="1:48" s="2" customFormat="1" ht="13.5" customHeight="1">
      <c r="A28" s="9"/>
      <c r="B28" s="9" t="s">
        <v>246</v>
      </c>
      <c r="C28" s="5">
        <v>24</v>
      </c>
      <c r="D28" s="11">
        <v>10</v>
      </c>
      <c r="E28" s="11">
        <v>791610</v>
      </c>
      <c r="F28" s="6" t="s">
        <v>68</v>
      </c>
      <c r="G28" s="23"/>
      <c r="H28" s="112"/>
      <c r="I28" s="112"/>
      <c r="J28" s="112"/>
      <c r="K28" s="112"/>
      <c r="L28" s="112"/>
      <c r="M28" s="112"/>
      <c r="N28" s="112"/>
      <c r="O28" s="112"/>
      <c r="P28" s="116"/>
      <c r="Q28" s="116"/>
      <c r="R28" s="120"/>
      <c r="S28" s="120"/>
      <c r="T28" s="120"/>
      <c r="U28" s="120"/>
      <c r="V28" s="127" t="s">
        <v>180</v>
      </c>
      <c r="W28" s="127"/>
      <c r="X28" s="127"/>
      <c r="Y28" s="127"/>
      <c r="Z28" s="127"/>
      <c r="AA28" s="124" t="s">
        <v>180</v>
      </c>
      <c r="AB28" s="124"/>
      <c r="AC28" s="124" t="s">
        <v>180</v>
      </c>
      <c r="AD28" s="124"/>
      <c r="AE28" s="124"/>
      <c r="AF28" s="108"/>
      <c r="AG28" s="108" t="s">
        <v>180</v>
      </c>
      <c r="AH28" s="108" t="s">
        <v>180</v>
      </c>
      <c r="AI28" s="108"/>
      <c r="AJ28" s="108" t="s">
        <v>180</v>
      </c>
      <c r="AK28" s="116"/>
      <c r="AL28" s="129"/>
      <c r="AM28" s="129"/>
      <c r="AN28" s="131"/>
      <c r="AO28" s="131" t="s">
        <v>180</v>
      </c>
      <c r="AP28" s="131"/>
      <c r="AQ28" s="131"/>
      <c r="AR28" s="131" t="s">
        <v>180</v>
      </c>
      <c r="AS28" s="131" t="s">
        <v>180</v>
      </c>
      <c r="AT28" s="131"/>
      <c r="AU28" s="103"/>
      <c r="AV28" s="97"/>
    </row>
    <row r="29" spans="1:48" s="2" customFormat="1" ht="13.5" customHeight="1">
      <c r="A29" s="9"/>
      <c r="B29" s="9" t="s">
        <v>246</v>
      </c>
      <c r="C29" s="5">
        <v>25</v>
      </c>
      <c r="D29" s="11">
        <v>30</v>
      </c>
      <c r="E29" s="11">
        <v>791630</v>
      </c>
      <c r="F29" s="6" t="s">
        <v>57</v>
      </c>
      <c r="G29" s="23"/>
      <c r="H29" s="112"/>
      <c r="I29" s="112"/>
      <c r="J29" s="112"/>
      <c r="K29" s="112"/>
      <c r="L29" s="112"/>
      <c r="M29" s="112"/>
      <c r="N29" s="112"/>
      <c r="O29" s="112"/>
      <c r="P29" s="116"/>
      <c r="Q29" s="116"/>
      <c r="R29" s="120"/>
      <c r="S29" s="120"/>
      <c r="T29" s="120"/>
      <c r="U29" s="120"/>
      <c r="V29" s="127" t="s">
        <v>180</v>
      </c>
      <c r="W29" s="127"/>
      <c r="X29" s="127"/>
      <c r="Y29" s="127"/>
      <c r="Z29" s="127"/>
      <c r="AA29" s="124"/>
      <c r="AB29" s="124"/>
      <c r="AC29" s="124" t="s">
        <v>180</v>
      </c>
      <c r="AD29" s="124"/>
      <c r="AE29" s="124"/>
      <c r="AF29" s="108"/>
      <c r="AG29" s="108" t="s">
        <v>180</v>
      </c>
      <c r="AH29" s="108" t="s">
        <v>180</v>
      </c>
      <c r="AI29" s="108"/>
      <c r="AJ29" s="108" t="s">
        <v>180</v>
      </c>
      <c r="AK29" s="116"/>
      <c r="AL29" s="129"/>
      <c r="AM29" s="129"/>
      <c r="AN29" s="131"/>
      <c r="AO29" s="131" t="s">
        <v>180</v>
      </c>
      <c r="AP29" s="131"/>
      <c r="AQ29" s="131"/>
      <c r="AR29" s="131" t="s">
        <v>180</v>
      </c>
      <c r="AS29" s="131" t="s">
        <v>180</v>
      </c>
      <c r="AT29" s="131"/>
      <c r="AU29" s="103"/>
      <c r="AV29" s="97"/>
    </row>
    <row r="30" spans="1:48" s="2" customFormat="1" ht="13.5" customHeight="1">
      <c r="A30" s="9"/>
      <c r="B30" s="9" t="s">
        <v>246</v>
      </c>
      <c r="C30" s="5">
        <v>26</v>
      </c>
      <c r="D30" s="11">
        <v>15</v>
      </c>
      <c r="E30" s="11">
        <v>791715</v>
      </c>
      <c r="F30" s="6" t="s">
        <v>62</v>
      </c>
      <c r="G30" s="23"/>
      <c r="H30" s="112"/>
      <c r="I30" s="112"/>
      <c r="J30" s="112"/>
      <c r="K30" s="112"/>
      <c r="L30" s="112"/>
      <c r="M30" s="112"/>
      <c r="N30" s="112"/>
      <c r="O30" s="112"/>
      <c r="P30" s="116"/>
      <c r="Q30" s="116"/>
      <c r="R30" s="120"/>
      <c r="S30" s="120"/>
      <c r="T30" s="120"/>
      <c r="U30" s="120"/>
      <c r="V30" s="127" t="s">
        <v>180</v>
      </c>
      <c r="W30" s="127"/>
      <c r="X30" s="127"/>
      <c r="Y30" s="127"/>
      <c r="Z30" s="127"/>
      <c r="AA30" s="124"/>
      <c r="AB30" s="124"/>
      <c r="AC30" s="124" t="s">
        <v>180</v>
      </c>
      <c r="AD30" s="124"/>
      <c r="AE30" s="124"/>
      <c r="AF30" s="108"/>
      <c r="AG30" s="108" t="s">
        <v>180</v>
      </c>
      <c r="AH30" s="108" t="s">
        <v>180</v>
      </c>
      <c r="AI30" s="108"/>
      <c r="AJ30" s="108" t="s">
        <v>180</v>
      </c>
      <c r="AK30" s="116"/>
      <c r="AL30" s="129"/>
      <c r="AM30" s="129"/>
      <c r="AN30" s="131"/>
      <c r="AO30" s="131" t="s">
        <v>180</v>
      </c>
      <c r="AP30" s="131"/>
      <c r="AQ30" s="131"/>
      <c r="AR30" s="131" t="s">
        <v>180</v>
      </c>
      <c r="AS30" s="131" t="s">
        <v>180</v>
      </c>
      <c r="AT30" s="131"/>
      <c r="AU30" s="103"/>
      <c r="AV30" s="97"/>
    </row>
    <row r="31" spans="1:48" s="2" customFormat="1" ht="13.5" customHeight="1">
      <c r="A31" s="9"/>
      <c r="B31" s="9" t="s">
        <v>246</v>
      </c>
      <c r="C31" s="5">
        <v>27</v>
      </c>
      <c r="D31" s="11">
        <v>14</v>
      </c>
      <c r="E31" s="11">
        <v>792414</v>
      </c>
      <c r="F31" s="6" t="s">
        <v>76</v>
      </c>
      <c r="G31" s="23"/>
      <c r="H31" s="112"/>
      <c r="I31" s="112"/>
      <c r="J31" s="112"/>
      <c r="K31" s="112"/>
      <c r="L31" s="112"/>
      <c r="M31" s="112"/>
      <c r="N31" s="112"/>
      <c r="O31" s="112"/>
      <c r="P31" s="116"/>
      <c r="Q31" s="116"/>
      <c r="R31" s="120"/>
      <c r="S31" s="120"/>
      <c r="T31" s="120"/>
      <c r="U31" s="120"/>
      <c r="V31" s="127" t="s">
        <v>180</v>
      </c>
      <c r="W31" s="127"/>
      <c r="X31" s="127"/>
      <c r="Y31" s="127"/>
      <c r="Z31" s="127"/>
      <c r="AA31" s="124"/>
      <c r="AB31" s="124"/>
      <c r="AC31" s="124"/>
      <c r="AD31" s="124"/>
      <c r="AE31" s="124"/>
      <c r="AF31" s="108"/>
      <c r="AG31" s="108" t="s">
        <v>180</v>
      </c>
      <c r="AH31" s="108" t="s">
        <v>180</v>
      </c>
      <c r="AI31" s="108"/>
      <c r="AJ31" s="108" t="s">
        <v>180</v>
      </c>
      <c r="AK31" s="116"/>
      <c r="AL31" s="129"/>
      <c r="AM31" s="129"/>
      <c r="AN31" s="131"/>
      <c r="AO31" s="131" t="s">
        <v>180</v>
      </c>
      <c r="AP31" s="131"/>
      <c r="AQ31" s="131"/>
      <c r="AR31" s="131" t="s">
        <v>180</v>
      </c>
      <c r="AS31" s="131" t="s">
        <v>180</v>
      </c>
      <c r="AT31" s="131"/>
      <c r="AU31" s="103"/>
      <c r="AV31" s="97"/>
    </row>
    <row r="32" spans="1:48" s="2" customFormat="1" ht="13.5" customHeight="1">
      <c r="A32" s="9"/>
      <c r="B32" s="9" t="s">
        <v>246</v>
      </c>
      <c r="C32" s="5">
        <v>28</v>
      </c>
      <c r="D32" s="11">
        <v>10</v>
      </c>
      <c r="E32" s="11">
        <v>792510</v>
      </c>
      <c r="F32" s="6" t="s">
        <v>46</v>
      </c>
      <c r="G32" s="23"/>
      <c r="H32" s="112"/>
      <c r="I32" s="112"/>
      <c r="J32" s="112"/>
      <c r="K32" s="112"/>
      <c r="L32" s="112"/>
      <c r="M32" s="112"/>
      <c r="N32" s="112"/>
      <c r="O32" s="112"/>
      <c r="P32" s="116"/>
      <c r="Q32" s="116"/>
      <c r="R32" s="120"/>
      <c r="S32" s="120"/>
      <c r="T32" s="120"/>
      <c r="U32" s="120"/>
      <c r="V32" s="127" t="s">
        <v>180</v>
      </c>
      <c r="W32" s="127"/>
      <c r="X32" s="127"/>
      <c r="Y32" s="127"/>
      <c r="Z32" s="127"/>
      <c r="AA32" s="124"/>
      <c r="AB32" s="124"/>
      <c r="AC32" s="124"/>
      <c r="AD32" s="124"/>
      <c r="AE32" s="124"/>
      <c r="AF32" s="108"/>
      <c r="AG32" s="108" t="s">
        <v>180</v>
      </c>
      <c r="AH32" s="108" t="s">
        <v>180</v>
      </c>
      <c r="AI32" s="108"/>
      <c r="AJ32" s="108" t="s">
        <v>180</v>
      </c>
      <c r="AK32" s="116"/>
      <c r="AL32" s="129"/>
      <c r="AM32" s="129"/>
      <c r="AN32" s="131"/>
      <c r="AO32" s="131" t="s">
        <v>180</v>
      </c>
      <c r="AP32" s="131"/>
      <c r="AQ32" s="131"/>
      <c r="AR32" s="131" t="s">
        <v>180</v>
      </c>
      <c r="AS32" s="131" t="s">
        <v>180</v>
      </c>
      <c r="AT32" s="131"/>
      <c r="AU32" s="103"/>
      <c r="AV32" s="97"/>
    </row>
    <row r="33" spans="1:48" s="2" customFormat="1" ht="13.5" customHeight="1">
      <c r="A33" s="9"/>
      <c r="B33" s="9" t="s">
        <v>246</v>
      </c>
      <c r="C33" s="5">
        <v>29</v>
      </c>
      <c r="D33" s="11">
        <v>10</v>
      </c>
      <c r="E33" s="11">
        <v>792610</v>
      </c>
      <c r="F33" s="6" t="s">
        <v>47</v>
      </c>
      <c r="G33" s="23"/>
      <c r="H33" s="112"/>
      <c r="I33" s="112"/>
      <c r="J33" s="112"/>
      <c r="K33" s="112"/>
      <c r="L33" s="112"/>
      <c r="M33" s="112"/>
      <c r="N33" s="112"/>
      <c r="O33" s="112"/>
      <c r="P33" s="116"/>
      <c r="Q33" s="116"/>
      <c r="R33" s="120"/>
      <c r="S33" s="120"/>
      <c r="T33" s="120"/>
      <c r="U33" s="120"/>
      <c r="V33" s="127" t="s">
        <v>180</v>
      </c>
      <c r="W33" s="127"/>
      <c r="X33" s="127"/>
      <c r="Y33" s="127"/>
      <c r="Z33" s="127"/>
      <c r="AA33" s="124"/>
      <c r="AB33" s="124"/>
      <c r="AC33" s="124"/>
      <c r="AD33" s="124"/>
      <c r="AE33" s="124"/>
      <c r="AF33" s="108"/>
      <c r="AG33" s="108" t="s">
        <v>180</v>
      </c>
      <c r="AH33" s="108" t="s">
        <v>180</v>
      </c>
      <c r="AI33" s="108"/>
      <c r="AJ33" s="108" t="s">
        <v>180</v>
      </c>
      <c r="AK33" s="116"/>
      <c r="AL33" s="129"/>
      <c r="AM33" s="129"/>
      <c r="AN33" s="131"/>
      <c r="AO33" s="131" t="s">
        <v>180</v>
      </c>
      <c r="AP33" s="131"/>
      <c r="AQ33" s="131"/>
      <c r="AR33" s="131" t="s">
        <v>180</v>
      </c>
      <c r="AS33" s="131" t="s">
        <v>180</v>
      </c>
      <c r="AT33" s="131"/>
      <c r="AU33" s="103"/>
      <c r="AV33" s="97"/>
    </row>
    <row r="34" spans="1:48" s="2" customFormat="1" ht="13.5" customHeight="1">
      <c r="A34" s="9"/>
      <c r="B34" s="9" t="s">
        <v>246</v>
      </c>
      <c r="C34" s="5">
        <v>30</v>
      </c>
      <c r="D34" s="11">
        <v>12</v>
      </c>
      <c r="E34" s="11">
        <v>792712</v>
      </c>
      <c r="F34" s="6" t="s">
        <v>77</v>
      </c>
      <c r="G34" s="23"/>
      <c r="H34" s="112"/>
      <c r="I34" s="112"/>
      <c r="J34" s="112"/>
      <c r="K34" s="112"/>
      <c r="L34" s="112"/>
      <c r="M34" s="112"/>
      <c r="N34" s="112"/>
      <c r="O34" s="112"/>
      <c r="P34" s="116"/>
      <c r="Q34" s="116"/>
      <c r="R34" s="120"/>
      <c r="S34" s="120"/>
      <c r="T34" s="120"/>
      <c r="U34" s="120"/>
      <c r="V34" s="127" t="s">
        <v>180</v>
      </c>
      <c r="W34" s="127"/>
      <c r="X34" s="127"/>
      <c r="Y34" s="127"/>
      <c r="Z34" s="127"/>
      <c r="AA34" s="124"/>
      <c r="AB34" s="124"/>
      <c r="AC34" s="124"/>
      <c r="AD34" s="124"/>
      <c r="AE34" s="124"/>
      <c r="AF34" s="108"/>
      <c r="AG34" s="108" t="s">
        <v>180</v>
      </c>
      <c r="AH34" s="108" t="s">
        <v>180</v>
      </c>
      <c r="AI34" s="108"/>
      <c r="AJ34" s="108" t="s">
        <v>180</v>
      </c>
      <c r="AK34" s="116"/>
      <c r="AL34" s="129"/>
      <c r="AM34" s="129"/>
      <c r="AN34" s="131"/>
      <c r="AO34" s="131" t="s">
        <v>180</v>
      </c>
      <c r="AP34" s="131"/>
      <c r="AQ34" s="131"/>
      <c r="AR34" s="131" t="s">
        <v>180</v>
      </c>
      <c r="AS34" s="131" t="s">
        <v>180</v>
      </c>
      <c r="AT34" s="131"/>
      <c r="AU34" s="103"/>
      <c r="AV34" s="97"/>
    </row>
    <row r="35" spans="1:48" s="2" customFormat="1" ht="13.5" customHeight="1">
      <c r="A35" s="9"/>
      <c r="B35" s="9" t="s">
        <v>246</v>
      </c>
      <c r="C35" s="5">
        <v>31</v>
      </c>
      <c r="D35" s="11">
        <v>12</v>
      </c>
      <c r="E35" s="11">
        <v>793512</v>
      </c>
      <c r="F35" s="6" t="s">
        <v>51</v>
      </c>
      <c r="G35" s="23"/>
      <c r="H35" s="112"/>
      <c r="I35" s="112"/>
      <c r="J35" s="112"/>
      <c r="K35" s="112"/>
      <c r="L35" s="112"/>
      <c r="M35" s="112"/>
      <c r="N35" s="112"/>
      <c r="O35" s="112"/>
      <c r="P35" s="116"/>
      <c r="Q35" s="116"/>
      <c r="R35" s="120"/>
      <c r="S35" s="120"/>
      <c r="T35" s="120"/>
      <c r="U35" s="120"/>
      <c r="V35" s="127" t="s">
        <v>180</v>
      </c>
      <c r="W35" s="127"/>
      <c r="X35" s="127"/>
      <c r="Y35" s="127"/>
      <c r="Z35" s="127"/>
      <c r="AA35" s="124"/>
      <c r="AB35" s="124"/>
      <c r="AC35" s="124"/>
      <c r="AD35" s="124"/>
      <c r="AE35" s="124"/>
      <c r="AF35" s="108"/>
      <c r="AG35" s="108" t="s">
        <v>180</v>
      </c>
      <c r="AH35" s="108" t="s">
        <v>180</v>
      </c>
      <c r="AI35" s="108"/>
      <c r="AJ35" s="108" t="s">
        <v>180</v>
      </c>
      <c r="AK35" s="116"/>
      <c r="AL35" s="129"/>
      <c r="AM35" s="129"/>
      <c r="AN35" s="131"/>
      <c r="AO35" s="131" t="s">
        <v>180</v>
      </c>
      <c r="AP35" s="131"/>
      <c r="AQ35" s="131"/>
      <c r="AR35" s="131" t="s">
        <v>180</v>
      </c>
      <c r="AS35" s="131" t="s">
        <v>180</v>
      </c>
      <c r="AT35" s="131"/>
      <c r="AU35" s="103"/>
      <c r="AV35" s="97"/>
    </row>
    <row r="36" spans="1:48" s="2" customFormat="1" ht="13.5" customHeight="1">
      <c r="A36" s="9"/>
      <c r="B36" s="9" t="s">
        <v>246</v>
      </c>
      <c r="C36" s="5">
        <v>32</v>
      </c>
      <c r="D36" s="11">
        <v>12</v>
      </c>
      <c r="E36" s="11">
        <v>793612</v>
      </c>
      <c r="F36" s="6" t="s">
        <v>52</v>
      </c>
      <c r="G36" s="23"/>
      <c r="H36" s="112"/>
      <c r="I36" s="112"/>
      <c r="J36" s="112"/>
      <c r="K36" s="112"/>
      <c r="L36" s="112"/>
      <c r="M36" s="112"/>
      <c r="N36" s="112"/>
      <c r="O36" s="112"/>
      <c r="P36" s="116"/>
      <c r="Q36" s="116"/>
      <c r="R36" s="120"/>
      <c r="S36" s="120"/>
      <c r="T36" s="120"/>
      <c r="U36" s="120"/>
      <c r="V36" s="127" t="s">
        <v>180</v>
      </c>
      <c r="W36" s="127"/>
      <c r="X36" s="127"/>
      <c r="Y36" s="127"/>
      <c r="Z36" s="127"/>
      <c r="AA36" s="124"/>
      <c r="AB36" s="124"/>
      <c r="AC36" s="124"/>
      <c r="AD36" s="124"/>
      <c r="AE36" s="124"/>
      <c r="AF36" s="108"/>
      <c r="AG36" s="108" t="s">
        <v>180</v>
      </c>
      <c r="AH36" s="108" t="s">
        <v>180</v>
      </c>
      <c r="AI36" s="108"/>
      <c r="AJ36" s="108" t="s">
        <v>180</v>
      </c>
      <c r="AK36" s="116"/>
      <c r="AL36" s="129"/>
      <c r="AM36" s="129"/>
      <c r="AN36" s="131"/>
      <c r="AO36" s="131" t="s">
        <v>180</v>
      </c>
      <c r="AP36" s="131"/>
      <c r="AQ36" s="131"/>
      <c r="AR36" s="131" t="s">
        <v>180</v>
      </c>
      <c r="AS36" s="131" t="s">
        <v>180</v>
      </c>
      <c r="AT36" s="131"/>
      <c r="AU36" s="103"/>
      <c r="AV36" s="97"/>
    </row>
    <row r="37" spans="1:48" s="2" customFormat="1" ht="13.5" customHeight="1">
      <c r="A37" s="9"/>
      <c r="B37" s="9" t="s">
        <v>247</v>
      </c>
      <c r="C37" s="5">
        <v>33</v>
      </c>
      <c r="D37" s="7">
        <v>30</v>
      </c>
      <c r="E37" s="7">
        <v>710430</v>
      </c>
      <c r="F37" s="6" t="s">
        <v>42</v>
      </c>
      <c r="G37" s="23"/>
      <c r="H37" s="112"/>
      <c r="I37" s="112"/>
      <c r="J37" s="112"/>
      <c r="K37" s="112"/>
      <c r="L37" s="112"/>
      <c r="M37" s="112"/>
      <c r="N37" s="112"/>
      <c r="O37" s="112"/>
      <c r="P37" s="116"/>
      <c r="Q37" s="116"/>
      <c r="R37" s="120"/>
      <c r="S37" s="120"/>
      <c r="T37" s="120"/>
      <c r="U37" s="120"/>
      <c r="V37" s="127" t="s">
        <v>180</v>
      </c>
      <c r="W37" s="127"/>
      <c r="X37" s="127"/>
      <c r="Y37" s="127"/>
      <c r="Z37" s="127"/>
      <c r="AA37" s="124"/>
      <c r="AB37" s="124"/>
      <c r="AC37" s="124"/>
      <c r="AD37" s="124"/>
      <c r="AE37" s="124"/>
      <c r="AF37" s="108"/>
      <c r="AG37" s="108" t="s">
        <v>180</v>
      </c>
      <c r="AH37" s="108" t="s">
        <v>180</v>
      </c>
      <c r="AI37" s="108"/>
      <c r="AJ37" s="108"/>
      <c r="AK37" s="116"/>
      <c r="AL37" s="129"/>
      <c r="AM37" s="129"/>
      <c r="AN37" s="131"/>
      <c r="AO37" s="131" t="s">
        <v>180</v>
      </c>
      <c r="AP37" s="131" t="s">
        <v>180</v>
      </c>
      <c r="AQ37" s="131"/>
      <c r="AR37" s="131" t="s">
        <v>180</v>
      </c>
      <c r="AS37" s="131" t="s">
        <v>180</v>
      </c>
      <c r="AT37" s="131"/>
      <c r="AU37" s="103"/>
      <c r="AV37" s="97"/>
    </row>
    <row r="38" spans="1:48" s="2" customFormat="1" ht="13.5" customHeight="1">
      <c r="A38" s="9"/>
      <c r="B38" s="9" t="s">
        <v>247</v>
      </c>
      <c r="C38" s="5">
        <v>34</v>
      </c>
      <c r="D38" s="7">
        <v>30</v>
      </c>
      <c r="E38" s="11">
        <v>710530</v>
      </c>
      <c r="F38" s="6" t="s">
        <v>25</v>
      </c>
      <c r="G38" s="23"/>
      <c r="H38" s="112"/>
      <c r="I38" s="112"/>
      <c r="J38" s="112"/>
      <c r="K38" s="112"/>
      <c r="L38" s="112"/>
      <c r="M38" s="112"/>
      <c r="N38" s="112"/>
      <c r="O38" s="112"/>
      <c r="P38" s="116"/>
      <c r="Q38" s="116"/>
      <c r="R38" s="120"/>
      <c r="S38" s="120"/>
      <c r="T38" s="120"/>
      <c r="U38" s="120"/>
      <c r="V38" s="127" t="s">
        <v>180</v>
      </c>
      <c r="W38" s="127"/>
      <c r="X38" s="127"/>
      <c r="Y38" s="127"/>
      <c r="Z38" s="127"/>
      <c r="AA38" s="124"/>
      <c r="AB38" s="124"/>
      <c r="AC38" s="124"/>
      <c r="AD38" s="124"/>
      <c r="AE38" s="124"/>
      <c r="AF38" s="108"/>
      <c r="AG38" s="108" t="s">
        <v>180</v>
      </c>
      <c r="AH38" s="108" t="s">
        <v>180</v>
      </c>
      <c r="AI38" s="108"/>
      <c r="AJ38" s="108"/>
      <c r="AK38" s="116"/>
      <c r="AL38" s="129"/>
      <c r="AM38" s="129"/>
      <c r="AN38" s="131"/>
      <c r="AO38" s="131" t="s">
        <v>180</v>
      </c>
      <c r="AP38" s="131" t="s">
        <v>180</v>
      </c>
      <c r="AQ38" s="131"/>
      <c r="AR38" s="131" t="s">
        <v>180</v>
      </c>
      <c r="AS38" s="131" t="s">
        <v>180</v>
      </c>
      <c r="AT38" s="131"/>
      <c r="AU38" s="103"/>
      <c r="AV38" s="97"/>
    </row>
    <row r="39" spans="1:48" s="2" customFormat="1" ht="13.5" customHeight="1">
      <c r="A39" s="9"/>
      <c r="B39" s="9" t="s">
        <v>247</v>
      </c>
      <c r="C39" s="5">
        <v>35</v>
      </c>
      <c r="D39" s="7">
        <v>10</v>
      </c>
      <c r="E39" s="11">
        <v>710610</v>
      </c>
      <c r="F39" s="6" t="s">
        <v>69</v>
      </c>
      <c r="G39" s="23"/>
      <c r="H39" s="112"/>
      <c r="I39" s="112"/>
      <c r="J39" s="112"/>
      <c r="K39" s="112"/>
      <c r="L39" s="112"/>
      <c r="M39" s="112"/>
      <c r="N39" s="112"/>
      <c r="O39" s="112"/>
      <c r="P39" s="116"/>
      <c r="Q39" s="116"/>
      <c r="R39" s="120"/>
      <c r="S39" s="120"/>
      <c r="T39" s="120"/>
      <c r="U39" s="120"/>
      <c r="V39" s="127" t="s">
        <v>180</v>
      </c>
      <c r="W39" s="127"/>
      <c r="X39" s="127"/>
      <c r="Y39" s="127"/>
      <c r="Z39" s="127"/>
      <c r="AA39" s="124"/>
      <c r="AB39" s="124"/>
      <c r="AC39" s="124"/>
      <c r="AD39" s="124"/>
      <c r="AE39" s="124"/>
      <c r="AF39" s="108"/>
      <c r="AG39" s="108" t="s">
        <v>180</v>
      </c>
      <c r="AH39" s="108" t="s">
        <v>180</v>
      </c>
      <c r="AI39" s="108"/>
      <c r="AJ39" s="108"/>
      <c r="AK39" s="116"/>
      <c r="AL39" s="129"/>
      <c r="AM39" s="129"/>
      <c r="AN39" s="131"/>
      <c r="AO39" s="131" t="s">
        <v>180</v>
      </c>
      <c r="AP39" s="131" t="s">
        <v>180</v>
      </c>
      <c r="AQ39" s="131"/>
      <c r="AR39" s="131" t="s">
        <v>180</v>
      </c>
      <c r="AS39" s="131" t="s">
        <v>180</v>
      </c>
      <c r="AT39" s="131"/>
      <c r="AU39" s="103"/>
      <c r="AV39" s="97"/>
    </row>
    <row r="40" spans="1:48" s="2" customFormat="1" ht="13.5" customHeight="1">
      <c r="A40" s="9"/>
      <c r="B40" s="9" t="s">
        <v>247</v>
      </c>
      <c r="C40" s="5">
        <v>36</v>
      </c>
      <c r="D40" s="7">
        <v>30</v>
      </c>
      <c r="E40" s="11">
        <v>710630</v>
      </c>
      <c r="F40" s="6" t="s">
        <v>26</v>
      </c>
      <c r="G40" s="23"/>
      <c r="H40" s="112"/>
      <c r="I40" s="112"/>
      <c r="J40" s="112"/>
      <c r="K40" s="112"/>
      <c r="L40" s="112"/>
      <c r="M40" s="112"/>
      <c r="N40" s="112"/>
      <c r="O40" s="112"/>
      <c r="P40" s="116"/>
      <c r="Q40" s="116"/>
      <c r="R40" s="120"/>
      <c r="S40" s="120"/>
      <c r="T40" s="120"/>
      <c r="U40" s="120"/>
      <c r="V40" s="127" t="s">
        <v>180</v>
      </c>
      <c r="W40" s="127"/>
      <c r="X40" s="127"/>
      <c r="Y40" s="127"/>
      <c r="Z40" s="127"/>
      <c r="AA40" s="124"/>
      <c r="AB40" s="124"/>
      <c r="AC40" s="124"/>
      <c r="AD40" s="124"/>
      <c r="AE40" s="124"/>
      <c r="AF40" s="108"/>
      <c r="AG40" s="108" t="s">
        <v>180</v>
      </c>
      <c r="AH40" s="108" t="s">
        <v>180</v>
      </c>
      <c r="AI40" s="108"/>
      <c r="AJ40" s="108"/>
      <c r="AK40" s="116"/>
      <c r="AL40" s="129"/>
      <c r="AM40" s="129"/>
      <c r="AN40" s="131"/>
      <c r="AO40" s="131" t="s">
        <v>180</v>
      </c>
      <c r="AP40" s="131" t="s">
        <v>180</v>
      </c>
      <c r="AQ40" s="131"/>
      <c r="AR40" s="131" t="s">
        <v>180</v>
      </c>
      <c r="AS40" s="131" t="s">
        <v>180</v>
      </c>
      <c r="AT40" s="131"/>
      <c r="AU40" s="103"/>
      <c r="AV40" s="97"/>
    </row>
    <row r="41" spans="1:48" s="2" customFormat="1" ht="13.5" customHeight="1">
      <c r="A41" s="9"/>
      <c r="B41" s="9" t="s">
        <v>247</v>
      </c>
      <c r="C41" s="5">
        <v>37</v>
      </c>
      <c r="D41" s="7">
        <v>10</v>
      </c>
      <c r="E41" s="11">
        <v>710710</v>
      </c>
      <c r="F41" s="6" t="s">
        <v>70</v>
      </c>
      <c r="G41" s="23"/>
      <c r="H41" s="112"/>
      <c r="I41" s="112"/>
      <c r="J41" s="112"/>
      <c r="K41" s="112"/>
      <c r="L41" s="112"/>
      <c r="M41" s="112"/>
      <c r="N41" s="112"/>
      <c r="O41" s="112"/>
      <c r="P41" s="116"/>
      <c r="Q41" s="116"/>
      <c r="R41" s="120"/>
      <c r="S41" s="120"/>
      <c r="T41" s="120"/>
      <c r="U41" s="120"/>
      <c r="V41" s="127" t="s">
        <v>180</v>
      </c>
      <c r="W41" s="127"/>
      <c r="X41" s="127"/>
      <c r="Y41" s="127"/>
      <c r="Z41" s="127"/>
      <c r="AA41" s="124"/>
      <c r="AB41" s="124"/>
      <c r="AC41" s="124"/>
      <c r="AD41" s="124"/>
      <c r="AE41" s="124"/>
      <c r="AF41" s="108"/>
      <c r="AG41" s="108" t="s">
        <v>180</v>
      </c>
      <c r="AH41" s="108" t="s">
        <v>180</v>
      </c>
      <c r="AI41" s="108"/>
      <c r="AJ41" s="108"/>
      <c r="AK41" s="116"/>
      <c r="AL41" s="129"/>
      <c r="AM41" s="129"/>
      <c r="AN41" s="131"/>
      <c r="AO41" s="131" t="s">
        <v>180</v>
      </c>
      <c r="AP41" s="131" t="s">
        <v>180</v>
      </c>
      <c r="AQ41" s="131"/>
      <c r="AR41" s="131" t="s">
        <v>180</v>
      </c>
      <c r="AS41" s="131" t="s">
        <v>180</v>
      </c>
      <c r="AT41" s="131"/>
      <c r="AU41" s="103"/>
      <c r="AV41" s="97"/>
    </row>
    <row r="42" spans="1:48" s="2" customFormat="1" ht="13.5" customHeight="1">
      <c r="A42" s="9"/>
      <c r="B42" s="9" t="s">
        <v>247</v>
      </c>
      <c r="C42" s="5">
        <v>38</v>
      </c>
      <c r="D42" s="7">
        <v>30</v>
      </c>
      <c r="E42" s="11">
        <v>710730</v>
      </c>
      <c r="F42" s="6" t="s">
        <v>27</v>
      </c>
      <c r="G42" s="23"/>
      <c r="H42" s="112"/>
      <c r="I42" s="112"/>
      <c r="J42" s="112"/>
      <c r="K42" s="112"/>
      <c r="L42" s="112"/>
      <c r="M42" s="112"/>
      <c r="N42" s="112"/>
      <c r="O42" s="112"/>
      <c r="P42" s="116"/>
      <c r="Q42" s="116"/>
      <c r="R42" s="120"/>
      <c r="S42" s="120"/>
      <c r="T42" s="120"/>
      <c r="U42" s="120"/>
      <c r="V42" s="127" t="s">
        <v>180</v>
      </c>
      <c r="W42" s="127"/>
      <c r="X42" s="127"/>
      <c r="Y42" s="127"/>
      <c r="Z42" s="127"/>
      <c r="AA42" s="124"/>
      <c r="AB42" s="124"/>
      <c r="AC42" s="124"/>
      <c r="AD42" s="124"/>
      <c r="AE42" s="124"/>
      <c r="AF42" s="108"/>
      <c r="AG42" s="108" t="s">
        <v>180</v>
      </c>
      <c r="AH42" s="108" t="s">
        <v>180</v>
      </c>
      <c r="AI42" s="108"/>
      <c r="AJ42" s="108"/>
      <c r="AK42" s="116"/>
      <c r="AL42" s="129"/>
      <c r="AM42" s="129"/>
      <c r="AN42" s="131"/>
      <c r="AO42" s="131" t="s">
        <v>180</v>
      </c>
      <c r="AP42" s="131" t="s">
        <v>180</v>
      </c>
      <c r="AQ42" s="131"/>
      <c r="AR42" s="131" t="s">
        <v>180</v>
      </c>
      <c r="AS42" s="131" t="s">
        <v>180</v>
      </c>
      <c r="AT42" s="131"/>
      <c r="AU42" s="103"/>
      <c r="AV42" s="97"/>
    </row>
    <row r="43" spans="1:48" s="2" customFormat="1" ht="13.5" customHeight="1">
      <c r="A43" s="9"/>
      <c r="B43" s="9" t="s">
        <v>267</v>
      </c>
      <c r="C43" s="5">
        <v>39</v>
      </c>
      <c r="D43" s="11">
        <v>30</v>
      </c>
      <c r="E43" s="7">
        <v>723130</v>
      </c>
      <c r="F43" s="6" t="s">
        <v>25</v>
      </c>
      <c r="G43" s="23"/>
      <c r="H43" s="112"/>
      <c r="I43" s="112"/>
      <c r="J43" s="112"/>
      <c r="K43" s="112"/>
      <c r="L43" s="112"/>
      <c r="M43" s="112"/>
      <c r="N43" s="112"/>
      <c r="O43" s="112"/>
      <c r="P43" s="116"/>
      <c r="Q43" s="116"/>
      <c r="R43" s="120"/>
      <c r="S43" s="120"/>
      <c r="T43" s="120"/>
      <c r="U43" s="120"/>
      <c r="V43" s="127" t="s">
        <v>180</v>
      </c>
      <c r="W43" s="127"/>
      <c r="X43" s="127"/>
      <c r="Y43" s="127"/>
      <c r="Z43" s="127"/>
      <c r="AA43" s="124"/>
      <c r="AB43" s="124"/>
      <c r="AC43" s="124"/>
      <c r="AD43" s="124"/>
      <c r="AE43" s="124"/>
      <c r="AF43" s="108"/>
      <c r="AG43" s="108" t="s">
        <v>180</v>
      </c>
      <c r="AH43" s="108" t="s">
        <v>180</v>
      </c>
      <c r="AI43" s="108"/>
      <c r="AJ43" s="108"/>
      <c r="AK43" s="116"/>
      <c r="AL43" s="129"/>
      <c r="AM43" s="129"/>
      <c r="AN43" s="131"/>
      <c r="AO43" s="131" t="s">
        <v>180</v>
      </c>
      <c r="AP43" s="131" t="s">
        <v>180</v>
      </c>
      <c r="AQ43" s="131"/>
      <c r="AR43" s="131" t="s">
        <v>180</v>
      </c>
      <c r="AS43" s="131" t="s">
        <v>180</v>
      </c>
      <c r="AT43" s="131"/>
      <c r="AU43" s="103"/>
      <c r="AV43" s="97"/>
    </row>
    <row r="44" spans="1:48" s="2" customFormat="1" ht="13.5" customHeight="1">
      <c r="A44" s="9"/>
      <c r="B44" s="9" t="s">
        <v>267</v>
      </c>
      <c r="C44" s="5">
        <v>40</v>
      </c>
      <c r="D44" s="11">
        <v>30</v>
      </c>
      <c r="E44" s="7">
        <v>723230</v>
      </c>
      <c r="F44" s="6" t="s">
        <v>26</v>
      </c>
      <c r="G44" s="23"/>
      <c r="H44" s="112"/>
      <c r="I44" s="112"/>
      <c r="J44" s="112"/>
      <c r="K44" s="112"/>
      <c r="L44" s="112"/>
      <c r="M44" s="112"/>
      <c r="N44" s="112"/>
      <c r="O44" s="112"/>
      <c r="P44" s="116"/>
      <c r="Q44" s="116"/>
      <c r="R44" s="120"/>
      <c r="S44" s="120"/>
      <c r="T44" s="120"/>
      <c r="U44" s="120"/>
      <c r="V44" s="127" t="s">
        <v>180</v>
      </c>
      <c r="W44" s="127"/>
      <c r="X44" s="127"/>
      <c r="Y44" s="127"/>
      <c r="Z44" s="127"/>
      <c r="AA44" s="124"/>
      <c r="AB44" s="124"/>
      <c r="AC44" s="124"/>
      <c r="AD44" s="124"/>
      <c r="AE44" s="124"/>
      <c r="AF44" s="108"/>
      <c r="AG44" s="108" t="s">
        <v>180</v>
      </c>
      <c r="AH44" s="108" t="s">
        <v>180</v>
      </c>
      <c r="AI44" s="108"/>
      <c r="AJ44" s="108"/>
      <c r="AK44" s="116"/>
      <c r="AL44" s="129"/>
      <c r="AM44" s="129"/>
      <c r="AN44" s="131"/>
      <c r="AO44" s="131" t="s">
        <v>180</v>
      </c>
      <c r="AP44" s="131" t="s">
        <v>180</v>
      </c>
      <c r="AQ44" s="131"/>
      <c r="AR44" s="131" t="s">
        <v>180</v>
      </c>
      <c r="AS44" s="131" t="s">
        <v>180</v>
      </c>
      <c r="AT44" s="131"/>
      <c r="AU44" s="103"/>
      <c r="AV44" s="97"/>
    </row>
    <row r="45" spans="1:48" s="2" customFormat="1" ht="13.5" customHeight="1">
      <c r="A45" s="9"/>
      <c r="B45" s="9" t="s">
        <v>267</v>
      </c>
      <c r="C45" s="5">
        <v>41</v>
      </c>
      <c r="D45" s="11">
        <v>30</v>
      </c>
      <c r="E45" s="7">
        <v>723330</v>
      </c>
      <c r="F45" s="6" t="s">
        <v>27</v>
      </c>
      <c r="G45" s="23"/>
      <c r="H45" s="112"/>
      <c r="I45" s="112"/>
      <c r="J45" s="112"/>
      <c r="K45" s="112"/>
      <c r="L45" s="112"/>
      <c r="M45" s="112"/>
      <c r="N45" s="112"/>
      <c r="O45" s="112"/>
      <c r="P45" s="116"/>
      <c r="Q45" s="116"/>
      <c r="R45" s="120"/>
      <c r="S45" s="120"/>
      <c r="T45" s="120"/>
      <c r="U45" s="120"/>
      <c r="V45" s="127" t="s">
        <v>180</v>
      </c>
      <c r="W45" s="127"/>
      <c r="X45" s="127"/>
      <c r="Y45" s="127"/>
      <c r="Z45" s="127"/>
      <c r="AA45" s="124"/>
      <c r="AB45" s="124"/>
      <c r="AC45" s="124"/>
      <c r="AD45" s="124"/>
      <c r="AE45" s="124"/>
      <c r="AF45" s="108"/>
      <c r="AG45" s="108" t="s">
        <v>180</v>
      </c>
      <c r="AH45" s="108" t="s">
        <v>180</v>
      </c>
      <c r="AI45" s="108"/>
      <c r="AJ45" s="108"/>
      <c r="AK45" s="116"/>
      <c r="AL45" s="129"/>
      <c r="AM45" s="129"/>
      <c r="AN45" s="131"/>
      <c r="AO45" s="131" t="s">
        <v>180</v>
      </c>
      <c r="AP45" s="131" t="s">
        <v>180</v>
      </c>
      <c r="AQ45" s="131"/>
      <c r="AR45" s="131" t="s">
        <v>180</v>
      </c>
      <c r="AS45" s="131" t="s">
        <v>180</v>
      </c>
      <c r="AT45" s="131"/>
      <c r="AU45" s="103"/>
      <c r="AV45" s="97"/>
    </row>
    <row r="46" spans="1:48" s="2" customFormat="1" ht="13.5" customHeight="1">
      <c r="A46" s="9"/>
      <c r="B46" s="9" t="s">
        <v>267</v>
      </c>
      <c r="C46" s="5">
        <v>42</v>
      </c>
      <c r="D46" s="11">
        <v>30</v>
      </c>
      <c r="E46" s="7">
        <v>723430</v>
      </c>
      <c r="F46" s="6" t="s">
        <v>28</v>
      </c>
      <c r="G46" s="23"/>
      <c r="H46" s="112"/>
      <c r="I46" s="112"/>
      <c r="J46" s="112"/>
      <c r="K46" s="112"/>
      <c r="L46" s="112"/>
      <c r="M46" s="112"/>
      <c r="N46" s="112"/>
      <c r="O46" s="112"/>
      <c r="P46" s="116"/>
      <c r="Q46" s="116"/>
      <c r="R46" s="120"/>
      <c r="S46" s="120"/>
      <c r="T46" s="120"/>
      <c r="U46" s="120"/>
      <c r="V46" s="127" t="s">
        <v>180</v>
      </c>
      <c r="W46" s="127"/>
      <c r="X46" s="127"/>
      <c r="Y46" s="127"/>
      <c r="Z46" s="127"/>
      <c r="AA46" s="124"/>
      <c r="AB46" s="124"/>
      <c r="AC46" s="124"/>
      <c r="AD46" s="124"/>
      <c r="AE46" s="124"/>
      <c r="AF46" s="108"/>
      <c r="AG46" s="108" t="s">
        <v>180</v>
      </c>
      <c r="AH46" s="108" t="s">
        <v>180</v>
      </c>
      <c r="AI46" s="108"/>
      <c r="AJ46" s="108"/>
      <c r="AK46" s="116"/>
      <c r="AL46" s="129"/>
      <c r="AM46" s="129"/>
      <c r="AN46" s="131"/>
      <c r="AO46" s="131" t="s">
        <v>180</v>
      </c>
      <c r="AP46" s="131" t="s">
        <v>180</v>
      </c>
      <c r="AQ46" s="131"/>
      <c r="AR46" s="131" t="s">
        <v>180</v>
      </c>
      <c r="AS46" s="131" t="s">
        <v>180</v>
      </c>
      <c r="AT46" s="131"/>
      <c r="AU46" s="103"/>
      <c r="AV46" s="97"/>
    </row>
    <row r="47" spans="1:48" s="2" customFormat="1" ht="13.5" customHeight="1">
      <c r="A47" s="9"/>
      <c r="B47" s="9" t="s">
        <v>23</v>
      </c>
      <c r="C47" s="5">
        <v>43</v>
      </c>
      <c r="D47" s="7">
        <v>30</v>
      </c>
      <c r="E47" s="7">
        <v>711130</v>
      </c>
      <c r="F47" s="6" t="s">
        <v>25</v>
      </c>
      <c r="G47" s="23"/>
      <c r="H47" s="112"/>
      <c r="I47" s="112"/>
      <c r="J47" s="112"/>
      <c r="K47" s="112"/>
      <c r="L47" s="112"/>
      <c r="M47" s="112"/>
      <c r="N47" s="112"/>
      <c r="O47" s="112"/>
      <c r="P47" s="116"/>
      <c r="Q47" s="116"/>
      <c r="R47" s="120"/>
      <c r="S47" s="120"/>
      <c r="T47" s="120"/>
      <c r="U47" s="120"/>
      <c r="V47" s="127" t="s">
        <v>180</v>
      </c>
      <c r="W47" s="127"/>
      <c r="X47" s="127"/>
      <c r="Y47" s="127"/>
      <c r="Z47" s="127"/>
      <c r="AA47" s="124"/>
      <c r="AB47" s="124"/>
      <c r="AC47" s="124"/>
      <c r="AD47" s="124"/>
      <c r="AE47" s="124"/>
      <c r="AF47" s="108"/>
      <c r="AG47" s="108" t="s">
        <v>180</v>
      </c>
      <c r="AH47" s="108" t="s">
        <v>180</v>
      </c>
      <c r="AI47" s="108"/>
      <c r="AJ47" s="108"/>
      <c r="AK47" s="116"/>
      <c r="AL47" s="129"/>
      <c r="AM47" s="129"/>
      <c r="AN47" s="131"/>
      <c r="AO47" s="131" t="s">
        <v>180</v>
      </c>
      <c r="AP47" s="131" t="s">
        <v>180</v>
      </c>
      <c r="AQ47" s="131"/>
      <c r="AR47" s="131" t="s">
        <v>180</v>
      </c>
      <c r="AS47" s="131" t="s">
        <v>180</v>
      </c>
      <c r="AT47" s="131"/>
      <c r="AU47" s="103"/>
      <c r="AV47" s="97"/>
    </row>
    <row r="48" spans="1:48" s="2" customFormat="1" ht="13.5" customHeight="1">
      <c r="A48" s="9"/>
      <c r="B48" s="9" t="s">
        <v>23</v>
      </c>
      <c r="C48" s="5">
        <v>44</v>
      </c>
      <c r="D48" s="11">
        <v>10</v>
      </c>
      <c r="E48" s="11">
        <v>711210</v>
      </c>
      <c r="F48" s="6" t="s">
        <v>26</v>
      </c>
      <c r="G48" s="23"/>
      <c r="H48" s="112"/>
      <c r="I48" s="112"/>
      <c r="J48" s="112"/>
      <c r="K48" s="112"/>
      <c r="L48" s="112"/>
      <c r="M48" s="112"/>
      <c r="N48" s="112"/>
      <c r="O48" s="112"/>
      <c r="P48" s="116"/>
      <c r="Q48" s="116"/>
      <c r="R48" s="120"/>
      <c r="S48" s="120"/>
      <c r="T48" s="120"/>
      <c r="U48" s="120"/>
      <c r="V48" s="127" t="s">
        <v>180</v>
      </c>
      <c r="W48" s="127"/>
      <c r="X48" s="127"/>
      <c r="Y48" s="127"/>
      <c r="Z48" s="127"/>
      <c r="AA48" s="124"/>
      <c r="AB48" s="124"/>
      <c r="AC48" s="124"/>
      <c r="AD48" s="124"/>
      <c r="AE48" s="124"/>
      <c r="AF48" s="108"/>
      <c r="AG48" s="108" t="s">
        <v>180</v>
      </c>
      <c r="AH48" s="108" t="s">
        <v>180</v>
      </c>
      <c r="AI48" s="108"/>
      <c r="AJ48" s="108"/>
      <c r="AK48" s="116"/>
      <c r="AL48" s="129"/>
      <c r="AM48" s="129"/>
      <c r="AN48" s="131"/>
      <c r="AO48" s="131" t="s">
        <v>180</v>
      </c>
      <c r="AP48" s="131" t="s">
        <v>180</v>
      </c>
      <c r="AQ48" s="131"/>
      <c r="AR48" s="131" t="s">
        <v>180</v>
      </c>
      <c r="AS48" s="131" t="s">
        <v>180</v>
      </c>
      <c r="AT48" s="131"/>
      <c r="AU48" s="103"/>
      <c r="AV48" s="97"/>
    </row>
    <row r="49" spans="1:48" s="2" customFormat="1" ht="13.5" customHeight="1">
      <c r="A49" s="9"/>
      <c r="B49" s="9" t="s">
        <v>23</v>
      </c>
      <c r="C49" s="5">
        <v>45</v>
      </c>
      <c r="D49" s="11">
        <v>30</v>
      </c>
      <c r="E49" s="11">
        <v>711230</v>
      </c>
      <c r="F49" s="6" t="s">
        <v>26</v>
      </c>
      <c r="G49" s="23"/>
      <c r="H49" s="112"/>
      <c r="I49" s="112"/>
      <c r="J49" s="112"/>
      <c r="K49" s="112"/>
      <c r="L49" s="112"/>
      <c r="M49" s="112"/>
      <c r="N49" s="112"/>
      <c r="O49" s="112"/>
      <c r="P49" s="116"/>
      <c r="Q49" s="116"/>
      <c r="R49" s="120"/>
      <c r="S49" s="120"/>
      <c r="T49" s="120"/>
      <c r="U49" s="120"/>
      <c r="V49" s="127" t="s">
        <v>180</v>
      </c>
      <c r="W49" s="127"/>
      <c r="X49" s="127"/>
      <c r="Y49" s="127"/>
      <c r="Z49" s="127"/>
      <c r="AA49" s="124"/>
      <c r="AB49" s="124"/>
      <c r="AC49" s="124"/>
      <c r="AD49" s="124"/>
      <c r="AE49" s="124"/>
      <c r="AF49" s="108"/>
      <c r="AG49" s="108" t="s">
        <v>180</v>
      </c>
      <c r="AH49" s="108" t="s">
        <v>180</v>
      </c>
      <c r="AI49" s="108"/>
      <c r="AJ49" s="108"/>
      <c r="AK49" s="116"/>
      <c r="AL49" s="129"/>
      <c r="AM49" s="129"/>
      <c r="AN49" s="131"/>
      <c r="AO49" s="131" t="s">
        <v>180</v>
      </c>
      <c r="AP49" s="131" t="s">
        <v>180</v>
      </c>
      <c r="AQ49" s="131"/>
      <c r="AR49" s="131" t="s">
        <v>180</v>
      </c>
      <c r="AS49" s="131" t="s">
        <v>180</v>
      </c>
      <c r="AT49" s="131"/>
      <c r="AU49" s="103"/>
      <c r="AV49" s="97"/>
    </row>
    <row r="50" spans="1:48" s="2" customFormat="1" ht="13.5" customHeight="1">
      <c r="A50" s="9"/>
      <c r="B50" s="9" t="s">
        <v>23</v>
      </c>
      <c r="C50" s="5">
        <v>46</v>
      </c>
      <c r="D50" s="11">
        <v>10</v>
      </c>
      <c r="E50" s="11">
        <v>711410</v>
      </c>
      <c r="F50" s="6" t="s">
        <v>27</v>
      </c>
      <c r="G50" s="23"/>
      <c r="H50" s="112"/>
      <c r="I50" s="112"/>
      <c r="J50" s="112"/>
      <c r="K50" s="112"/>
      <c r="L50" s="112"/>
      <c r="M50" s="112"/>
      <c r="N50" s="112"/>
      <c r="O50" s="112"/>
      <c r="P50" s="116"/>
      <c r="Q50" s="116"/>
      <c r="R50" s="120"/>
      <c r="S50" s="120"/>
      <c r="T50" s="120"/>
      <c r="U50" s="120"/>
      <c r="V50" s="127" t="s">
        <v>180</v>
      </c>
      <c r="W50" s="127"/>
      <c r="X50" s="127"/>
      <c r="Y50" s="127"/>
      <c r="Z50" s="127"/>
      <c r="AA50" s="124"/>
      <c r="AB50" s="124"/>
      <c r="AC50" s="124"/>
      <c r="AD50" s="124"/>
      <c r="AE50" s="124"/>
      <c r="AF50" s="108"/>
      <c r="AG50" s="108" t="s">
        <v>180</v>
      </c>
      <c r="AH50" s="108" t="s">
        <v>180</v>
      </c>
      <c r="AI50" s="108"/>
      <c r="AJ50" s="108"/>
      <c r="AK50" s="116"/>
      <c r="AL50" s="129"/>
      <c r="AM50" s="129"/>
      <c r="AN50" s="131"/>
      <c r="AO50" s="131" t="s">
        <v>180</v>
      </c>
      <c r="AP50" s="131" t="s">
        <v>180</v>
      </c>
      <c r="AQ50" s="131"/>
      <c r="AR50" s="131" t="s">
        <v>180</v>
      </c>
      <c r="AS50" s="131" t="s">
        <v>180</v>
      </c>
      <c r="AT50" s="131"/>
      <c r="AU50" s="103"/>
      <c r="AV50" s="97"/>
    </row>
    <row r="51" spans="1:48" s="2" customFormat="1" ht="13.5" customHeight="1">
      <c r="A51" s="9"/>
      <c r="B51" s="9" t="s">
        <v>23</v>
      </c>
      <c r="C51" s="5">
        <v>47</v>
      </c>
      <c r="D51" s="11">
        <v>30</v>
      </c>
      <c r="E51" s="11">
        <v>711430</v>
      </c>
      <c r="F51" s="6" t="s">
        <v>27</v>
      </c>
      <c r="G51" s="23"/>
      <c r="H51" s="112"/>
      <c r="I51" s="112"/>
      <c r="J51" s="112"/>
      <c r="K51" s="112"/>
      <c r="L51" s="112"/>
      <c r="M51" s="112"/>
      <c r="N51" s="112"/>
      <c r="O51" s="112"/>
      <c r="P51" s="116"/>
      <c r="Q51" s="116"/>
      <c r="R51" s="120"/>
      <c r="S51" s="120"/>
      <c r="T51" s="120"/>
      <c r="U51" s="120"/>
      <c r="V51" s="127" t="s">
        <v>180</v>
      </c>
      <c r="W51" s="127"/>
      <c r="X51" s="127"/>
      <c r="Y51" s="127"/>
      <c r="Z51" s="127"/>
      <c r="AA51" s="124"/>
      <c r="AB51" s="124"/>
      <c r="AC51" s="124"/>
      <c r="AD51" s="124"/>
      <c r="AE51" s="124"/>
      <c r="AF51" s="108"/>
      <c r="AG51" s="108" t="s">
        <v>180</v>
      </c>
      <c r="AH51" s="108" t="s">
        <v>180</v>
      </c>
      <c r="AI51" s="108"/>
      <c r="AJ51" s="108"/>
      <c r="AK51" s="116"/>
      <c r="AL51" s="129"/>
      <c r="AM51" s="129"/>
      <c r="AN51" s="131"/>
      <c r="AO51" s="131" t="s">
        <v>180</v>
      </c>
      <c r="AP51" s="131" t="s">
        <v>180</v>
      </c>
      <c r="AQ51" s="131"/>
      <c r="AR51" s="131" t="s">
        <v>180</v>
      </c>
      <c r="AS51" s="131" t="s">
        <v>180</v>
      </c>
      <c r="AT51" s="131"/>
      <c r="AU51" s="103"/>
      <c r="AV51" s="97"/>
    </row>
    <row r="52" spans="1:48" s="2" customFormat="1" ht="13.5" customHeight="1">
      <c r="A52" s="9"/>
      <c r="B52" s="9" t="s">
        <v>24</v>
      </c>
      <c r="C52" s="5">
        <v>48</v>
      </c>
      <c r="D52" s="11">
        <v>30</v>
      </c>
      <c r="E52" s="7">
        <v>724130</v>
      </c>
      <c r="F52" s="6" t="s">
        <v>25</v>
      </c>
      <c r="G52" s="23"/>
      <c r="H52" s="112"/>
      <c r="I52" s="112"/>
      <c r="J52" s="112"/>
      <c r="K52" s="112"/>
      <c r="L52" s="112"/>
      <c r="M52" s="112"/>
      <c r="N52" s="112"/>
      <c r="O52" s="112"/>
      <c r="P52" s="116"/>
      <c r="Q52" s="116"/>
      <c r="R52" s="120"/>
      <c r="S52" s="120"/>
      <c r="T52" s="120"/>
      <c r="U52" s="120"/>
      <c r="V52" s="127" t="s">
        <v>180</v>
      </c>
      <c r="W52" s="127"/>
      <c r="X52" s="127"/>
      <c r="Y52" s="127"/>
      <c r="Z52" s="127"/>
      <c r="AA52" s="124"/>
      <c r="AB52" s="124"/>
      <c r="AC52" s="124"/>
      <c r="AD52" s="124"/>
      <c r="AE52" s="124"/>
      <c r="AF52" s="108"/>
      <c r="AG52" s="108" t="s">
        <v>180</v>
      </c>
      <c r="AH52" s="108" t="s">
        <v>180</v>
      </c>
      <c r="AI52" s="108"/>
      <c r="AJ52" s="108"/>
      <c r="AK52" s="116"/>
      <c r="AL52" s="129"/>
      <c r="AM52" s="129"/>
      <c r="AN52" s="131"/>
      <c r="AO52" s="131" t="s">
        <v>180</v>
      </c>
      <c r="AP52" s="131" t="s">
        <v>180</v>
      </c>
      <c r="AQ52" s="131"/>
      <c r="AR52" s="131" t="s">
        <v>180</v>
      </c>
      <c r="AS52" s="131" t="s">
        <v>180</v>
      </c>
      <c r="AT52" s="131"/>
      <c r="AU52" s="103"/>
      <c r="AV52" s="97"/>
    </row>
    <row r="53" spans="1:48" s="2" customFormat="1" ht="13.5" customHeight="1">
      <c r="A53" s="9"/>
      <c r="B53" s="9" t="s">
        <v>24</v>
      </c>
      <c r="C53" s="5">
        <v>49</v>
      </c>
      <c r="D53" s="11">
        <v>30</v>
      </c>
      <c r="E53" s="7">
        <v>724230</v>
      </c>
      <c r="F53" s="6" t="s">
        <v>26</v>
      </c>
      <c r="G53" s="23"/>
      <c r="H53" s="112"/>
      <c r="I53" s="112"/>
      <c r="J53" s="112"/>
      <c r="K53" s="112"/>
      <c r="L53" s="112"/>
      <c r="M53" s="112"/>
      <c r="N53" s="112"/>
      <c r="O53" s="112"/>
      <c r="P53" s="116"/>
      <c r="Q53" s="116"/>
      <c r="R53" s="120"/>
      <c r="S53" s="120"/>
      <c r="T53" s="120"/>
      <c r="U53" s="120"/>
      <c r="V53" s="127" t="s">
        <v>180</v>
      </c>
      <c r="W53" s="127"/>
      <c r="X53" s="127"/>
      <c r="Y53" s="127"/>
      <c r="Z53" s="127"/>
      <c r="AA53" s="124"/>
      <c r="AB53" s="124"/>
      <c r="AC53" s="124"/>
      <c r="AD53" s="124"/>
      <c r="AE53" s="124"/>
      <c r="AF53" s="108"/>
      <c r="AG53" s="108" t="s">
        <v>180</v>
      </c>
      <c r="AH53" s="108" t="s">
        <v>180</v>
      </c>
      <c r="AI53" s="108"/>
      <c r="AJ53" s="108"/>
      <c r="AK53" s="116"/>
      <c r="AL53" s="129"/>
      <c r="AM53" s="129"/>
      <c r="AN53" s="131"/>
      <c r="AO53" s="131" t="s">
        <v>180</v>
      </c>
      <c r="AP53" s="131" t="s">
        <v>180</v>
      </c>
      <c r="AQ53" s="131"/>
      <c r="AR53" s="131" t="s">
        <v>180</v>
      </c>
      <c r="AS53" s="131" t="s">
        <v>180</v>
      </c>
      <c r="AT53" s="131"/>
      <c r="AU53" s="103"/>
      <c r="AV53" s="97"/>
    </row>
    <row r="54" spans="1:48" s="2" customFormat="1" ht="13.5" customHeight="1">
      <c r="A54" s="9"/>
      <c r="B54" s="9" t="s">
        <v>24</v>
      </c>
      <c r="C54" s="5">
        <v>50</v>
      </c>
      <c r="D54" s="11">
        <v>30</v>
      </c>
      <c r="E54" s="7">
        <v>724330</v>
      </c>
      <c r="F54" s="6" t="s">
        <v>27</v>
      </c>
      <c r="G54" s="23"/>
      <c r="H54" s="112"/>
      <c r="I54" s="112"/>
      <c r="J54" s="112"/>
      <c r="K54" s="112"/>
      <c r="L54" s="112"/>
      <c r="M54" s="112"/>
      <c r="N54" s="112"/>
      <c r="O54" s="112"/>
      <c r="P54" s="116"/>
      <c r="Q54" s="116"/>
      <c r="R54" s="120"/>
      <c r="S54" s="120"/>
      <c r="T54" s="120"/>
      <c r="U54" s="120"/>
      <c r="V54" s="127" t="s">
        <v>180</v>
      </c>
      <c r="W54" s="127"/>
      <c r="X54" s="127"/>
      <c r="Y54" s="127"/>
      <c r="Z54" s="127"/>
      <c r="AA54" s="124"/>
      <c r="AB54" s="124"/>
      <c r="AC54" s="124"/>
      <c r="AD54" s="124"/>
      <c r="AE54" s="124"/>
      <c r="AF54" s="108"/>
      <c r="AG54" s="108" t="s">
        <v>180</v>
      </c>
      <c r="AH54" s="108" t="s">
        <v>180</v>
      </c>
      <c r="AI54" s="108"/>
      <c r="AJ54" s="108"/>
      <c r="AK54" s="116"/>
      <c r="AL54" s="129"/>
      <c r="AM54" s="129"/>
      <c r="AN54" s="131"/>
      <c r="AO54" s="131" t="s">
        <v>180</v>
      </c>
      <c r="AP54" s="131" t="s">
        <v>180</v>
      </c>
      <c r="AQ54" s="131"/>
      <c r="AR54" s="131" t="s">
        <v>180</v>
      </c>
      <c r="AS54" s="131" t="s">
        <v>180</v>
      </c>
      <c r="AT54" s="131"/>
      <c r="AU54" s="103"/>
      <c r="AV54" s="97"/>
    </row>
    <row r="55" spans="1:48" s="2" customFormat="1" ht="13.5" customHeight="1">
      <c r="A55" s="9"/>
      <c r="B55" s="9" t="s">
        <v>24</v>
      </c>
      <c r="C55" s="5">
        <v>51</v>
      </c>
      <c r="D55" s="11">
        <v>30</v>
      </c>
      <c r="E55" s="7">
        <v>724430</v>
      </c>
      <c r="F55" s="6" t="s">
        <v>28</v>
      </c>
      <c r="G55" s="23"/>
      <c r="H55" s="112"/>
      <c r="I55" s="112"/>
      <c r="J55" s="112"/>
      <c r="K55" s="112"/>
      <c r="L55" s="112"/>
      <c r="M55" s="112"/>
      <c r="N55" s="112"/>
      <c r="O55" s="112"/>
      <c r="P55" s="116"/>
      <c r="Q55" s="116"/>
      <c r="R55" s="120"/>
      <c r="S55" s="120"/>
      <c r="T55" s="120"/>
      <c r="U55" s="120"/>
      <c r="V55" s="127" t="s">
        <v>180</v>
      </c>
      <c r="W55" s="127"/>
      <c r="X55" s="127"/>
      <c r="Y55" s="127"/>
      <c r="Z55" s="127"/>
      <c r="AA55" s="124"/>
      <c r="AB55" s="124"/>
      <c r="AC55" s="124"/>
      <c r="AD55" s="124"/>
      <c r="AE55" s="124"/>
      <c r="AF55" s="108"/>
      <c r="AG55" s="108" t="s">
        <v>180</v>
      </c>
      <c r="AH55" s="108" t="s">
        <v>180</v>
      </c>
      <c r="AI55" s="108"/>
      <c r="AJ55" s="108"/>
      <c r="AK55" s="116"/>
      <c r="AL55" s="129"/>
      <c r="AM55" s="129"/>
      <c r="AN55" s="131"/>
      <c r="AO55" s="131" t="s">
        <v>180</v>
      </c>
      <c r="AP55" s="131" t="s">
        <v>180</v>
      </c>
      <c r="AQ55" s="131"/>
      <c r="AR55" s="131" t="s">
        <v>180</v>
      </c>
      <c r="AS55" s="131" t="s">
        <v>180</v>
      </c>
      <c r="AT55" s="131"/>
      <c r="AU55" s="103"/>
      <c r="AV55" s="97"/>
    </row>
    <row r="56" spans="1:48" s="2" customFormat="1" ht="13.5" customHeight="1">
      <c r="A56" s="9"/>
      <c r="B56" s="9" t="s">
        <v>268</v>
      </c>
      <c r="C56" s="5">
        <v>52</v>
      </c>
      <c r="D56" s="11">
        <v>24</v>
      </c>
      <c r="E56" s="11">
        <v>710824</v>
      </c>
      <c r="F56" s="6" t="s">
        <v>25</v>
      </c>
      <c r="G56" s="23"/>
      <c r="H56" s="112"/>
      <c r="I56" s="112"/>
      <c r="J56" s="112"/>
      <c r="K56" s="112"/>
      <c r="L56" s="112"/>
      <c r="M56" s="112"/>
      <c r="N56" s="112"/>
      <c r="O56" s="112"/>
      <c r="P56" s="116"/>
      <c r="Q56" s="116"/>
      <c r="R56" s="120"/>
      <c r="S56" s="120"/>
      <c r="T56" s="120"/>
      <c r="U56" s="120"/>
      <c r="V56" s="127" t="s">
        <v>180</v>
      </c>
      <c r="W56" s="127"/>
      <c r="X56" s="127"/>
      <c r="Y56" s="127"/>
      <c r="Z56" s="127"/>
      <c r="AA56" s="124"/>
      <c r="AB56" s="124"/>
      <c r="AC56" s="124"/>
      <c r="AD56" s="124"/>
      <c r="AE56" s="124"/>
      <c r="AF56" s="108"/>
      <c r="AG56" s="108" t="s">
        <v>180</v>
      </c>
      <c r="AH56" s="108" t="s">
        <v>180</v>
      </c>
      <c r="AI56" s="108"/>
      <c r="AJ56" s="108"/>
      <c r="AK56" s="116"/>
      <c r="AL56" s="129"/>
      <c r="AM56" s="129"/>
      <c r="AN56" s="131"/>
      <c r="AO56" s="131" t="s">
        <v>180</v>
      </c>
      <c r="AP56" s="131" t="s">
        <v>180</v>
      </c>
      <c r="AQ56" s="131"/>
      <c r="AR56" s="131" t="s">
        <v>180</v>
      </c>
      <c r="AS56" s="131" t="s">
        <v>180</v>
      </c>
      <c r="AT56" s="131"/>
      <c r="AU56" s="103"/>
      <c r="AV56" s="97"/>
    </row>
    <row r="57" spans="1:48" s="2" customFormat="1" ht="13.5" customHeight="1">
      <c r="A57" s="9"/>
      <c r="B57" s="9" t="s">
        <v>268</v>
      </c>
      <c r="C57" s="5">
        <v>53</v>
      </c>
      <c r="D57" s="11">
        <v>10</v>
      </c>
      <c r="E57" s="11">
        <v>710910</v>
      </c>
      <c r="F57" s="6" t="s">
        <v>26</v>
      </c>
      <c r="G57" s="23"/>
      <c r="H57" s="112"/>
      <c r="I57" s="112"/>
      <c r="J57" s="112"/>
      <c r="K57" s="112"/>
      <c r="L57" s="112"/>
      <c r="M57" s="112"/>
      <c r="N57" s="112"/>
      <c r="O57" s="112"/>
      <c r="P57" s="116"/>
      <c r="Q57" s="116"/>
      <c r="R57" s="120"/>
      <c r="S57" s="120"/>
      <c r="T57" s="120"/>
      <c r="U57" s="120"/>
      <c r="V57" s="127" t="s">
        <v>180</v>
      </c>
      <c r="W57" s="127"/>
      <c r="X57" s="127"/>
      <c r="Y57" s="127"/>
      <c r="Z57" s="127"/>
      <c r="AA57" s="124"/>
      <c r="AB57" s="124"/>
      <c r="AC57" s="124"/>
      <c r="AD57" s="124"/>
      <c r="AE57" s="124"/>
      <c r="AF57" s="108"/>
      <c r="AG57" s="108" t="s">
        <v>180</v>
      </c>
      <c r="AH57" s="108" t="s">
        <v>180</v>
      </c>
      <c r="AI57" s="108"/>
      <c r="AJ57" s="108"/>
      <c r="AK57" s="116"/>
      <c r="AL57" s="129"/>
      <c r="AM57" s="129"/>
      <c r="AN57" s="131"/>
      <c r="AO57" s="131" t="s">
        <v>180</v>
      </c>
      <c r="AP57" s="131" t="s">
        <v>180</v>
      </c>
      <c r="AQ57" s="131"/>
      <c r="AR57" s="131" t="s">
        <v>180</v>
      </c>
      <c r="AS57" s="131" t="s">
        <v>180</v>
      </c>
      <c r="AT57" s="131"/>
      <c r="AU57" s="103"/>
      <c r="AV57" s="97"/>
    </row>
    <row r="58" spans="1:48" s="2" customFormat="1" ht="13.5" customHeight="1">
      <c r="A58" s="9"/>
      <c r="B58" s="9" t="s">
        <v>268</v>
      </c>
      <c r="C58" s="5">
        <v>54</v>
      </c>
      <c r="D58" s="11">
        <v>10</v>
      </c>
      <c r="E58" s="11">
        <v>711010</v>
      </c>
      <c r="F58" s="6" t="s">
        <v>27</v>
      </c>
      <c r="G58" s="23"/>
      <c r="H58" s="112"/>
      <c r="I58" s="112"/>
      <c r="J58" s="112"/>
      <c r="K58" s="112"/>
      <c r="L58" s="112"/>
      <c r="M58" s="112"/>
      <c r="N58" s="112"/>
      <c r="O58" s="112"/>
      <c r="P58" s="116"/>
      <c r="Q58" s="116"/>
      <c r="R58" s="120"/>
      <c r="S58" s="120"/>
      <c r="T58" s="120"/>
      <c r="U58" s="120"/>
      <c r="V58" s="127" t="s">
        <v>180</v>
      </c>
      <c r="W58" s="127"/>
      <c r="X58" s="127"/>
      <c r="Y58" s="127"/>
      <c r="Z58" s="127"/>
      <c r="AA58" s="124"/>
      <c r="AB58" s="124"/>
      <c r="AC58" s="124"/>
      <c r="AD58" s="124"/>
      <c r="AE58" s="124"/>
      <c r="AF58" s="108"/>
      <c r="AG58" s="108" t="s">
        <v>180</v>
      </c>
      <c r="AH58" s="108" t="s">
        <v>180</v>
      </c>
      <c r="AI58" s="108"/>
      <c r="AJ58" s="108"/>
      <c r="AK58" s="116"/>
      <c r="AL58" s="129"/>
      <c r="AM58" s="129"/>
      <c r="AN58" s="131"/>
      <c r="AO58" s="131" t="s">
        <v>180</v>
      </c>
      <c r="AP58" s="131" t="s">
        <v>180</v>
      </c>
      <c r="AQ58" s="131"/>
      <c r="AR58" s="131" t="s">
        <v>180</v>
      </c>
      <c r="AS58" s="131" t="s">
        <v>180</v>
      </c>
      <c r="AT58" s="131"/>
      <c r="AU58" s="103"/>
      <c r="AV58" s="97"/>
    </row>
    <row r="59" spans="1:48" s="2" customFormat="1" ht="13.5" customHeight="1">
      <c r="A59" s="9"/>
      <c r="B59" s="9" t="s">
        <v>248</v>
      </c>
      <c r="C59" s="5">
        <v>55</v>
      </c>
      <c r="D59" s="11">
        <v>22</v>
      </c>
      <c r="E59" s="7">
        <v>725122</v>
      </c>
      <c r="F59" s="6" t="s">
        <v>25</v>
      </c>
      <c r="G59" s="23"/>
      <c r="H59" s="112"/>
      <c r="I59" s="112"/>
      <c r="J59" s="112"/>
      <c r="K59" s="112"/>
      <c r="L59" s="112"/>
      <c r="M59" s="112"/>
      <c r="N59" s="112"/>
      <c r="O59" s="112"/>
      <c r="P59" s="116"/>
      <c r="Q59" s="116"/>
      <c r="R59" s="120"/>
      <c r="S59" s="120"/>
      <c r="T59" s="120"/>
      <c r="U59" s="120"/>
      <c r="V59" s="127" t="s">
        <v>180</v>
      </c>
      <c r="W59" s="127"/>
      <c r="X59" s="127"/>
      <c r="Y59" s="127"/>
      <c r="Z59" s="127"/>
      <c r="AA59" s="124"/>
      <c r="AB59" s="124"/>
      <c r="AC59" s="124"/>
      <c r="AD59" s="124"/>
      <c r="AE59" s="124"/>
      <c r="AF59" s="108"/>
      <c r="AG59" s="108" t="s">
        <v>180</v>
      </c>
      <c r="AH59" s="108" t="s">
        <v>180</v>
      </c>
      <c r="AI59" s="108"/>
      <c r="AJ59" s="108"/>
      <c r="AK59" s="116"/>
      <c r="AL59" s="129"/>
      <c r="AM59" s="129"/>
      <c r="AN59" s="131"/>
      <c r="AO59" s="131" t="s">
        <v>180</v>
      </c>
      <c r="AP59" s="131" t="s">
        <v>180</v>
      </c>
      <c r="AQ59" s="131"/>
      <c r="AR59" s="131" t="s">
        <v>180</v>
      </c>
      <c r="AS59" s="131" t="s">
        <v>180</v>
      </c>
      <c r="AT59" s="131"/>
      <c r="AU59" s="103"/>
      <c r="AV59" s="97"/>
    </row>
    <row r="60" spans="1:48" s="2" customFormat="1" ht="13.5" customHeight="1">
      <c r="A60" s="9"/>
      <c r="B60" s="9" t="s">
        <v>248</v>
      </c>
      <c r="C60" s="5">
        <v>56</v>
      </c>
      <c r="D60" s="11">
        <v>22</v>
      </c>
      <c r="E60" s="7">
        <v>725222</v>
      </c>
      <c r="F60" s="6" t="s">
        <v>26</v>
      </c>
      <c r="G60" s="23"/>
      <c r="H60" s="112"/>
      <c r="I60" s="112"/>
      <c r="J60" s="112"/>
      <c r="K60" s="112"/>
      <c r="L60" s="112"/>
      <c r="M60" s="112"/>
      <c r="N60" s="112"/>
      <c r="O60" s="112"/>
      <c r="P60" s="116"/>
      <c r="Q60" s="116"/>
      <c r="R60" s="120"/>
      <c r="S60" s="120"/>
      <c r="T60" s="120"/>
      <c r="U60" s="120"/>
      <c r="V60" s="127" t="s">
        <v>180</v>
      </c>
      <c r="W60" s="127"/>
      <c r="X60" s="127"/>
      <c r="Y60" s="127"/>
      <c r="Z60" s="127"/>
      <c r="AA60" s="124"/>
      <c r="AB60" s="124"/>
      <c r="AC60" s="124"/>
      <c r="AD60" s="124"/>
      <c r="AE60" s="124"/>
      <c r="AF60" s="108"/>
      <c r="AG60" s="108" t="s">
        <v>180</v>
      </c>
      <c r="AH60" s="108" t="s">
        <v>180</v>
      </c>
      <c r="AI60" s="108"/>
      <c r="AJ60" s="108"/>
      <c r="AK60" s="116"/>
      <c r="AL60" s="129"/>
      <c r="AM60" s="129"/>
      <c r="AN60" s="131"/>
      <c r="AO60" s="131" t="s">
        <v>180</v>
      </c>
      <c r="AP60" s="131" t="s">
        <v>180</v>
      </c>
      <c r="AQ60" s="131"/>
      <c r="AR60" s="131" t="s">
        <v>180</v>
      </c>
      <c r="AS60" s="131" t="s">
        <v>180</v>
      </c>
      <c r="AT60" s="131"/>
      <c r="AU60" s="103"/>
      <c r="AV60" s="97"/>
    </row>
    <row r="61" spans="1:48" s="2" customFormat="1" ht="13.5" customHeight="1">
      <c r="A61" s="9"/>
      <c r="B61" s="9" t="s">
        <v>248</v>
      </c>
      <c r="C61" s="5">
        <v>57</v>
      </c>
      <c r="D61" s="11">
        <v>22</v>
      </c>
      <c r="E61" s="7">
        <v>725322</v>
      </c>
      <c r="F61" s="6" t="s">
        <v>27</v>
      </c>
      <c r="G61" s="23"/>
      <c r="H61" s="112"/>
      <c r="I61" s="112"/>
      <c r="J61" s="112"/>
      <c r="K61" s="112"/>
      <c r="L61" s="112"/>
      <c r="M61" s="112"/>
      <c r="N61" s="112"/>
      <c r="O61" s="112"/>
      <c r="P61" s="116"/>
      <c r="Q61" s="116"/>
      <c r="R61" s="120"/>
      <c r="S61" s="120"/>
      <c r="T61" s="120"/>
      <c r="U61" s="120"/>
      <c r="V61" s="127" t="s">
        <v>180</v>
      </c>
      <c r="W61" s="127"/>
      <c r="X61" s="127"/>
      <c r="Y61" s="127"/>
      <c r="Z61" s="127"/>
      <c r="AA61" s="124"/>
      <c r="AB61" s="124"/>
      <c r="AC61" s="124"/>
      <c r="AD61" s="124"/>
      <c r="AE61" s="124"/>
      <c r="AF61" s="108"/>
      <c r="AG61" s="108" t="s">
        <v>180</v>
      </c>
      <c r="AH61" s="108" t="s">
        <v>180</v>
      </c>
      <c r="AI61" s="108"/>
      <c r="AJ61" s="108"/>
      <c r="AK61" s="116"/>
      <c r="AL61" s="129"/>
      <c r="AM61" s="129"/>
      <c r="AN61" s="131"/>
      <c r="AO61" s="131" t="s">
        <v>180</v>
      </c>
      <c r="AP61" s="131" t="s">
        <v>180</v>
      </c>
      <c r="AQ61" s="131"/>
      <c r="AR61" s="131" t="s">
        <v>180</v>
      </c>
      <c r="AS61" s="131" t="s">
        <v>180</v>
      </c>
      <c r="AT61" s="131"/>
      <c r="AU61" s="103"/>
      <c r="AV61" s="97"/>
    </row>
    <row r="62" spans="1:48" s="2" customFormat="1" ht="13.5" customHeight="1">
      <c r="A62" s="9"/>
      <c r="B62" s="9" t="s">
        <v>248</v>
      </c>
      <c r="C62" s="5">
        <v>58</v>
      </c>
      <c r="D62" s="11">
        <v>21</v>
      </c>
      <c r="E62" s="7">
        <v>725421</v>
      </c>
      <c r="F62" s="6" t="s">
        <v>28</v>
      </c>
      <c r="G62" s="23"/>
      <c r="H62" s="112"/>
      <c r="I62" s="112"/>
      <c r="J62" s="112"/>
      <c r="K62" s="112"/>
      <c r="L62" s="112"/>
      <c r="M62" s="112"/>
      <c r="N62" s="112"/>
      <c r="O62" s="112"/>
      <c r="P62" s="116"/>
      <c r="Q62" s="116"/>
      <c r="R62" s="120"/>
      <c r="S62" s="120"/>
      <c r="T62" s="120"/>
      <c r="U62" s="120"/>
      <c r="V62" s="127" t="s">
        <v>180</v>
      </c>
      <c r="W62" s="127"/>
      <c r="X62" s="127"/>
      <c r="Y62" s="127"/>
      <c r="Z62" s="127"/>
      <c r="AA62" s="124"/>
      <c r="AB62" s="124"/>
      <c r="AC62" s="124"/>
      <c r="AD62" s="124"/>
      <c r="AE62" s="124"/>
      <c r="AF62" s="108"/>
      <c r="AG62" s="108" t="s">
        <v>180</v>
      </c>
      <c r="AH62" s="108" t="s">
        <v>180</v>
      </c>
      <c r="AI62" s="108"/>
      <c r="AJ62" s="108"/>
      <c r="AK62" s="116"/>
      <c r="AL62" s="129"/>
      <c r="AM62" s="129"/>
      <c r="AN62" s="131"/>
      <c r="AO62" s="131" t="s">
        <v>180</v>
      </c>
      <c r="AP62" s="131" t="s">
        <v>180</v>
      </c>
      <c r="AQ62" s="131"/>
      <c r="AR62" s="131" t="s">
        <v>180</v>
      </c>
      <c r="AS62" s="131" t="s">
        <v>180</v>
      </c>
      <c r="AT62" s="131"/>
      <c r="AU62" s="103"/>
      <c r="AV62" s="97"/>
    </row>
    <row r="63" spans="1:48" s="2" customFormat="1" ht="13.5" customHeight="1">
      <c r="A63" s="9"/>
      <c r="B63" s="9" t="s">
        <v>269</v>
      </c>
      <c r="C63" s="5">
        <v>59</v>
      </c>
      <c r="D63" s="11">
        <v>46</v>
      </c>
      <c r="E63" s="11">
        <v>752846</v>
      </c>
      <c r="F63" s="6" t="s">
        <v>5</v>
      </c>
      <c r="G63" s="23"/>
      <c r="H63" s="112"/>
      <c r="I63" s="112"/>
      <c r="J63" s="112"/>
      <c r="K63" s="112"/>
      <c r="L63" s="112"/>
      <c r="M63" s="112"/>
      <c r="N63" s="112"/>
      <c r="O63" s="112"/>
      <c r="P63" s="116"/>
      <c r="Q63" s="116"/>
      <c r="R63" s="120"/>
      <c r="S63" s="120"/>
      <c r="T63" s="120"/>
      <c r="U63" s="120"/>
      <c r="V63" s="127" t="s">
        <v>180</v>
      </c>
      <c r="W63" s="127"/>
      <c r="X63" s="127"/>
      <c r="Y63" s="127"/>
      <c r="Z63" s="127"/>
      <c r="AA63" s="124" t="s">
        <v>180</v>
      </c>
      <c r="AB63" s="124"/>
      <c r="AC63" s="124" t="s">
        <v>180</v>
      </c>
      <c r="AD63" s="124"/>
      <c r="AE63" s="124"/>
      <c r="AF63" s="108"/>
      <c r="AG63" s="108"/>
      <c r="AH63" s="108" t="s">
        <v>180</v>
      </c>
      <c r="AI63" s="108"/>
      <c r="AJ63" s="108"/>
      <c r="AK63" s="116"/>
      <c r="AL63" s="129"/>
      <c r="AM63" s="129"/>
      <c r="AN63" s="131"/>
      <c r="AO63" s="131"/>
      <c r="AP63" s="131" t="s">
        <v>180</v>
      </c>
      <c r="AQ63" s="131"/>
      <c r="AR63" s="131"/>
      <c r="AS63" s="131" t="s">
        <v>180</v>
      </c>
      <c r="AT63" s="131"/>
      <c r="AU63" s="103"/>
      <c r="AV63" s="97"/>
    </row>
    <row r="64" spans="1:48" s="2" customFormat="1" ht="13.5" customHeight="1">
      <c r="A64" s="9"/>
      <c r="B64" s="9" t="s">
        <v>269</v>
      </c>
      <c r="C64" s="5">
        <v>60</v>
      </c>
      <c r="D64" s="11">
        <v>40</v>
      </c>
      <c r="E64" s="11">
        <v>753040</v>
      </c>
      <c r="F64" s="6" t="s">
        <v>6</v>
      </c>
      <c r="G64" s="23"/>
      <c r="H64" s="112"/>
      <c r="I64" s="112"/>
      <c r="J64" s="112"/>
      <c r="K64" s="112"/>
      <c r="L64" s="112"/>
      <c r="M64" s="112"/>
      <c r="N64" s="112"/>
      <c r="O64" s="112"/>
      <c r="P64" s="116"/>
      <c r="Q64" s="116"/>
      <c r="R64" s="120"/>
      <c r="S64" s="120"/>
      <c r="T64" s="120"/>
      <c r="U64" s="120"/>
      <c r="V64" s="127" t="s">
        <v>180</v>
      </c>
      <c r="W64" s="127"/>
      <c r="X64" s="127"/>
      <c r="Y64" s="127"/>
      <c r="Z64" s="127"/>
      <c r="AA64" s="124" t="s">
        <v>180</v>
      </c>
      <c r="AB64" s="124"/>
      <c r="AC64" s="124" t="s">
        <v>180</v>
      </c>
      <c r="AD64" s="124"/>
      <c r="AE64" s="124"/>
      <c r="AF64" s="108"/>
      <c r="AG64" s="108"/>
      <c r="AH64" s="108" t="s">
        <v>180</v>
      </c>
      <c r="AI64" s="108"/>
      <c r="AJ64" s="108"/>
      <c r="AK64" s="116"/>
      <c r="AL64" s="129"/>
      <c r="AM64" s="129"/>
      <c r="AN64" s="131"/>
      <c r="AO64" s="131"/>
      <c r="AP64" s="131" t="s">
        <v>180</v>
      </c>
      <c r="AQ64" s="131"/>
      <c r="AR64" s="131"/>
      <c r="AS64" s="131" t="s">
        <v>180</v>
      </c>
      <c r="AT64" s="131"/>
      <c r="AU64" s="103"/>
      <c r="AV64" s="97"/>
    </row>
    <row r="65" spans="1:48" s="2" customFormat="1" ht="13.5" customHeight="1">
      <c r="A65" s="9"/>
      <c r="B65" s="9" t="s">
        <v>269</v>
      </c>
      <c r="C65" s="5">
        <v>61</v>
      </c>
      <c r="D65" s="11">
        <v>36</v>
      </c>
      <c r="E65" s="11">
        <v>758136</v>
      </c>
      <c r="F65" s="6" t="s">
        <v>7</v>
      </c>
      <c r="G65" s="23"/>
      <c r="H65" s="112"/>
      <c r="I65" s="112"/>
      <c r="J65" s="112"/>
      <c r="K65" s="112"/>
      <c r="L65" s="112"/>
      <c r="M65" s="112"/>
      <c r="N65" s="112"/>
      <c r="O65" s="112"/>
      <c r="P65" s="116"/>
      <c r="Q65" s="116"/>
      <c r="R65" s="120"/>
      <c r="S65" s="120"/>
      <c r="T65" s="120"/>
      <c r="U65" s="120"/>
      <c r="V65" s="127" t="s">
        <v>180</v>
      </c>
      <c r="W65" s="127"/>
      <c r="X65" s="127"/>
      <c r="Y65" s="127"/>
      <c r="Z65" s="127"/>
      <c r="AA65" s="124" t="s">
        <v>180</v>
      </c>
      <c r="AB65" s="124"/>
      <c r="AC65" s="124" t="s">
        <v>180</v>
      </c>
      <c r="AD65" s="124"/>
      <c r="AE65" s="124"/>
      <c r="AF65" s="108"/>
      <c r="AG65" s="108"/>
      <c r="AH65" s="108" t="s">
        <v>180</v>
      </c>
      <c r="AI65" s="108"/>
      <c r="AJ65" s="108"/>
      <c r="AK65" s="116"/>
      <c r="AL65" s="129"/>
      <c r="AM65" s="129"/>
      <c r="AN65" s="131"/>
      <c r="AO65" s="131"/>
      <c r="AP65" s="131" t="s">
        <v>180</v>
      </c>
      <c r="AQ65" s="131"/>
      <c r="AR65" s="131"/>
      <c r="AS65" s="131" t="s">
        <v>180</v>
      </c>
      <c r="AT65" s="131"/>
      <c r="AU65" s="103"/>
      <c r="AV65" s="97"/>
    </row>
    <row r="66" spans="1:48" s="2" customFormat="1" ht="13.5" customHeight="1">
      <c r="A66" s="9"/>
      <c r="B66" s="9" t="s">
        <v>269</v>
      </c>
      <c r="C66" s="5">
        <v>62</v>
      </c>
      <c r="D66" s="11">
        <v>28</v>
      </c>
      <c r="E66" s="11">
        <v>759128</v>
      </c>
      <c r="F66" s="6" t="s">
        <v>8</v>
      </c>
      <c r="G66" s="23"/>
      <c r="H66" s="112"/>
      <c r="I66" s="112"/>
      <c r="J66" s="112"/>
      <c r="K66" s="112"/>
      <c r="L66" s="112"/>
      <c r="M66" s="112"/>
      <c r="N66" s="112"/>
      <c r="O66" s="112"/>
      <c r="P66" s="116"/>
      <c r="Q66" s="116"/>
      <c r="R66" s="120"/>
      <c r="S66" s="120"/>
      <c r="T66" s="120"/>
      <c r="U66" s="120"/>
      <c r="V66" s="127" t="s">
        <v>180</v>
      </c>
      <c r="W66" s="127"/>
      <c r="X66" s="127"/>
      <c r="Y66" s="127"/>
      <c r="Z66" s="127"/>
      <c r="AA66" s="124" t="s">
        <v>180</v>
      </c>
      <c r="AB66" s="124"/>
      <c r="AC66" s="124" t="s">
        <v>180</v>
      </c>
      <c r="AD66" s="124"/>
      <c r="AE66" s="124"/>
      <c r="AF66" s="108"/>
      <c r="AG66" s="108"/>
      <c r="AH66" s="108" t="s">
        <v>180</v>
      </c>
      <c r="AI66" s="108"/>
      <c r="AJ66" s="108"/>
      <c r="AK66" s="116"/>
      <c r="AL66" s="129"/>
      <c r="AM66" s="129"/>
      <c r="AN66" s="131"/>
      <c r="AO66" s="131"/>
      <c r="AP66" s="131" t="s">
        <v>180</v>
      </c>
      <c r="AQ66" s="131"/>
      <c r="AR66" s="131"/>
      <c r="AS66" s="131" t="s">
        <v>180</v>
      </c>
      <c r="AT66" s="131"/>
      <c r="AU66" s="103"/>
      <c r="AV66" s="97"/>
    </row>
    <row r="67" spans="1:48" s="2" customFormat="1" ht="13.5" customHeight="1">
      <c r="A67" s="9"/>
      <c r="B67" s="9" t="s">
        <v>249</v>
      </c>
      <c r="C67" s="5">
        <v>63</v>
      </c>
      <c r="D67" s="7">
        <v>5</v>
      </c>
      <c r="E67" s="7">
        <v>754024</v>
      </c>
      <c r="F67" s="6" t="s">
        <v>26</v>
      </c>
      <c r="G67" s="23"/>
      <c r="H67" s="112"/>
      <c r="I67" s="112"/>
      <c r="J67" s="112"/>
      <c r="K67" s="112"/>
      <c r="L67" s="112"/>
      <c r="M67" s="112"/>
      <c r="N67" s="112"/>
      <c r="O67" s="112"/>
      <c r="P67" s="116"/>
      <c r="Q67" s="116"/>
      <c r="R67" s="120"/>
      <c r="S67" s="120"/>
      <c r="T67" s="120"/>
      <c r="U67" s="120"/>
      <c r="V67" s="127"/>
      <c r="W67" s="127"/>
      <c r="X67" s="127"/>
      <c r="Y67" s="127"/>
      <c r="Z67" s="127"/>
      <c r="AA67" s="124"/>
      <c r="AB67" s="124"/>
      <c r="AC67" s="124"/>
      <c r="AD67" s="124"/>
      <c r="AE67" s="124"/>
      <c r="AF67" s="108"/>
      <c r="AG67" s="108"/>
      <c r="AH67" s="108"/>
      <c r="AI67" s="108"/>
      <c r="AJ67" s="108"/>
      <c r="AK67" s="116"/>
      <c r="AL67" s="129"/>
      <c r="AM67" s="129"/>
      <c r="AN67" s="131"/>
      <c r="AO67" s="131"/>
      <c r="AP67" s="131"/>
      <c r="AQ67" s="131"/>
      <c r="AR67" s="131"/>
      <c r="AS67" s="131"/>
      <c r="AT67" s="131"/>
      <c r="AU67" s="103"/>
      <c r="AV67" s="97"/>
    </row>
    <row r="68" spans="1:48" s="2" customFormat="1" ht="13.5" customHeight="1">
      <c r="A68" s="9"/>
      <c r="B68" s="9" t="s">
        <v>249</v>
      </c>
      <c r="C68" s="5">
        <v>64</v>
      </c>
      <c r="D68" s="7">
        <v>5</v>
      </c>
      <c r="E68" s="7">
        <v>754025</v>
      </c>
      <c r="F68" s="6" t="s">
        <v>27</v>
      </c>
      <c r="G68" s="23"/>
      <c r="H68" s="112"/>
      <c r="I68" s="112"/>
      <c r="J68" s="112"/>
      <c r="K68" s="112"/>
      <c r="L68" s="112"/>
      <c r="M68" s="112"/>
      <c r="N68" s="112"/>
      <c r="O68" s="112"/>
      <c r="P68" s="116"/>
      <c r="Q68" s="116"/>
      <c r="R68" s="120"/>
      <c r="S68" s="120"/>
      <c r="T68" s="120"/>
      <c r="U68" s="120"/>
      <c r="V68" s="127"/>
      <c r="W68" s="127"/>
      <c r="X68" s="127"/>
      <c r="Y68" s="127"/>
      <c r="Z68" s="127"/>
      <c r="AA68" s="124"/>
      <c r="AB68" s="124"/>
      <c r="AC68" s="124"/>
      <c r="AD68" s="124"/>
      <c r="AE68" s="124"/>
      <c r="AF68" s="108"/>
      <c r="AG68" s="108"/>
      <c r="AH68" s="108"/>
      <c r="AI68" s="108"/>
      <c r="AJ68" s="108"/>
      <c r="AK68" s="116"/>
      <c r="AL68" s="129"/>
      <c r="AM68" s="129"/>
      <c r="AN68" s="131"/>
      <c r="AO68" s="131"/>
      <c r="AP68" s="131"/>
      <c r="AQ68" s="131"/>
      <c r="AR68" s="131"/>
      <c r="AS68" s="131"/>
      <c r="AT68" s="131"/>
      <c r="AU68" s="103"/>
      <c r="AV68" s="97"/>
    </row>
    <row r="69" spans="1:48" s="2" customFormat="1" ht="13.5" customHeight="1">
      <c r="A69" s="9"/>
      <c r="B69" s="9" t="s">
        <v>249</v>
      </c>
      <c r="C69" s="5">
        <v>65</v>
      </c>
      <c r="D69" s="7">
        <v>5</v>
      </c>
      <c r="E69" s="7">
        <v>754026</v>
      </c>
      <c r="F69" s="6" t="s">
        <v>28</v>
      </c>
      <c r="G69" s="23"/>
      <c r="H69" s="112"/>
      <c r="I69" s="112"/>
      <c r="J69" s="112"/>
      <c r="K69" s="112"/>
      <c r="L69" s="112"/>
      <c r="M69" s="112"/>
      <c r="N69" s="112"/>
      <c r="O69" s="112"/>
      <c r="P69" s="116"/>
      <c r="Q69" s="116"/>
      <c r="R69" s="120"/>
      <c r="S69" s="120"/>
      <c r="T69" s="120"/>
      <c r="U69" s="120"/>
      <c r="V69" s="127"/>
      <c r="W69" s="127"/>
      <c r="X69" s="127"/>
      <c r="Y69" s="127"/>
      <c r="Z69" s="127"/>
      <c r="AA69" s="124"/>
      <c r="AB69" s="124"/>
      <c r="AC69" s="124"/>
      <c r="AD69" s="124"/>
      <c r="AE69" s="124"/>
      <c r="AF69" s="108"/>
      <c r="AG69" s="108"/>
      <c r="AH69" s="108"/>
      <c r="AI69" s="108"/>
      <c r="AJ69" s="108"/>
      <c r="AK69" s="116"/>
      <c r="AL69" s="129"/>
      <c r="AM69" s="129"/>
      <c r="AN69" s="131"/>
      <c r="AO69" s="131"/>
      <c r="AP69" s="131"/>
      <c r="AQ69" s="131"/>
      <c r="AR69" s="131"/>
      <c r="AS69" s="131"/>
      <c r="AT69" s="131"/>
      <c r="AU69" s="103"/>
      <c r="AV69" s="97"/>
    </row>
    <row r="70" spans="1:48" s="2" customFormat="1" ht="13.5" customHeight="1">
      <c r="A70" s="9"/>
      <c r="B70" s="9" t="s">
        <v>250</v>
      </c>
      <c r="C70" s="5">
        <v>66</v>
      </c>
      <c r="D70" s="7">
        <v>5</v>
      </c>
      <c r="E70" s="7">
        <v>770057</v>
      </c>
      <c r="F70" s="6" t="s">
        <v>30</v>
      </c>
      <c r="G70" s="23"/>
      <c r="H70" s="112"/>
      <c r="I70" s="112"/>
      <c r="J70" s="112"/>
      <c r="K70" s="112"/>
      <c r="L70" s="112"/>
      <c r="M70" s="112"/>
      <c r="N70" s="112"/>
      <c r="O70" s="112"/>
      <c r="P70" s="116"/>
      <c r="Q70" s="116"/>
      <c r="R70" s="120"/>
      <c r="S70" s="120"/>
      <c r="T70" s="120"/>
      <c r="U70" s="120"/>
      <c r="V70" s="127" t="s">
        <v>180</v>
      </c>
      <c r="W70" s="127"/>
      <c r="X70" s="127"/>
      <c r="Y70" s="127"/>
      <c r="Z70" s="127"/>
      <c r="AA70" s="124"/>
      <c r="AB70" s="124"/>
      <c r="AC70" s="124"/>
      <c r="AD70" s="124"/>
      <c r="AE70" s="124"/>
      <c r="AF70" s="108"/>
      <c r="AG70" s="108"/>
      <c r="AH70" s="108" t="s">
        <v>180</v>
      </c>
      <c r="AI70" s="108"/>
      <c r="AJ70" s="108"/>
      <c r="AK70" s="116"/>
      <c r="AL70" s="129"/>
      <c r="AM70" s="129"/>
      <c r="AN70" s="131"/>
      <c r="AO70" s="131"/>
      <c r="AP70" s="131"/>
      <c r="AQ70" s="131"/>
      <c r="AR70" s="131"/>
      <c r="AS70" s="131"/>
      <c r="AT70" s="131"/>
      <c r="AU70" s="103"/>
      <c r="AV70" s="97"/>
    </row>
    <row r="71" spans="1:48" s="2" customFormat="1" ht="13.5" customHeight="1">
      <c r="A71" s="9"/>
      <c r="B71" s="9" t="s">
        <v>250</v>
      </c>
      <c r="C71" s="5">
        <v>67</v>
      </c>
      <c r="D71" s="7">
        <v>30</v>
      </c>
      <c r="E71" s="7">
        <v>770038</v>
      </c>
      <c r="F71" s="6" t="s">
        <v>30</v>
      </c>
      <c r="G71" s="23"/>
      <c r="H71" s="112"/>
      <c r="I71" s="112"/>
      <c r="J71" s="112"/>
      <c r="K71" s="112"/>
      <c r="L71" s="112"/>
      <c r="M71" s="112"/>
      <c r="N71" s="112"/>
      <c r="O71" s="112"/>
      <c r="P71" s="116"/>
      <c r="Q71" s="116"/>
      <c r="R71" s="120"/>
      <c r="S71" s="120"/>
      <c r="T71" s="120"/>
      <c r="U71" s="120"/>
      <c r="V71" s="127" t="s">
        <v>180</v>
      </c>
      <c r="W71" s="127"/>
      <c r="X71" s="127"/>
      <c r="Y71" s="127"/>
      <c r="Z71" s="127"/>
      <c r="AA71" s="124"/>
      <c r="AB71" s="124"/>
      <c r="AC71" s="124"/>
      <c r="AD71" s="124"/>
      <c r="AE71" s="124"/>
      <c r="AF71" s="108"/>
      <c r="AG71" s="108"/>
      <c r="AH71" s="108" t="s">
        <v>180</v>
      </c>
      <c r="AI71" s="108"/>
      <c r="AJ71" s="108"/>
      <c r="AK71" s="116"/>
      <c r="AL71" s="129"/>
      <c r="AM71" s="129"/>
      <c r="AN71" s="131"/>
      <c r="AO71" s="131"/>
      <c r="AP71" s="131"/>
      <c r="AQ71" s="131"/>
      <c r="AR71" s="131"/>
      <c r="AS71" s="131"/>
      <c r="AT71" s="131"/>
      <c r="AU71" s="103"/>
      <c r="AV71" s="97"/>
    </row>
    <row r="72" spans="1:48" s="2" customFormat="1" ht="13.5" customHeight="1">
      <c r="A72" s="9"/>
      <c r="B72" s="9" t="s">
        <v>251</v>
      </c>
      <c r="C72" s="5">
        <v>68</v>
      </c>
      <c r="D72" s="7">
        <v>5</v>
      </c>
      <c r="E72" s="7">
        <v>770054</v>
      </c>
      <c r="F72" s="6" t="s">
        <v>71</v>
      </c>
      <c r="G72" s="23"/>
      <c r="H72" s="112"/>
      <c r="I72" s="112"/>
      <c r="J72" s="112"/>
      <c r="K72" s="112"/>
      <c r="L72" s="112"/>
      <c r="M72" s="112"/>
      <c r="N72" s="112"/>
      <c r="O72" s="112"/>
      <c r="P72" s="116"/>
      <c r="Q72" s="116"/>
      <c r="R72" s="120"/>
      <c r="S72" s="120"/>
      <c r="T72" s="120"/>
      <c r="U72" s="120"/>
      <c r="V72" s="127" t="s">
        <v>180</v>
      </c>
      <c r="W72" s="127"/>
      <c r="X72" s="127"/>
      <c r="Y72" s="127"/>
      <c r="Z72" s="127"/>
      <c r="AA72" s="124"/>
      <c r="AB72" s="124"/>
      <c r="AC72" s="124"/>
      <c r="AD72" s="124"/>
      <c r="AE72" s="124"/>
      <c r="AF72" s="108"/>
      <c r="AG72" s="108"/>
      <c r="AH72" s="108" t="s">
        <v>180</v>
      </c>
      <c r="AI72" s="108"/>
      <c r="AJ72" s="108"/>
      <c r="AK72" s="116"/>
      <c r="AL72" s="129"/>
      <c r="AM72" s="129"/>
      <c r="AN72" s="131"/>
      <c r="AO72" s="131"/>
      <c r="AP72" s="131"/>
      <c r="AQ72" s="131"/>
      <c r="AR72" s="131"/>
      <c r="AS72" s="131"/>
      <c r="AT72" s="131"/>
      <c r="AU72" s="103"/>
      <c r="AV72" s="97"/>
    </row>
    <row r="73" spans="1:48" s="2" customFormat="1" ht="13.5" customHeight="1">
      <c r="A73" s="9"/>
      <c r="B73" s="9" t="s">
        <v>251</v>
      </c>
      <c r="C73" s="5">
        <v>69</v>
      </c>
      <c r="D73" s="7">
        <v>30</v>
      </c>
      <c r="E73" s="7">
        <v>770100</v>
      </c>
      <c r="F73" s="6" t="s">
        <v>29</v>
      </c>
      <c r="G73" s="23"/>
      <c r="H73" s="112"/>
      <c r="I73" s="112"/>
      <c r="J73" s="112"/>
      <c r="K73" s="112"/>
      <c r="L73" s="112"/>
      <c r="M73" s="112"/>
      <c r="N73" s="112"/>
      <c r="O73" s="112"/>
      <c r="P73" s="116"/>
      <c r="Q73" s="116"/>
      <c r="R73" s="120"/>
      <c r="S73" s="120"/>
      <c r="T73" s="120"/>
      <c r="U73" s="120"/>
      <c r="V73" s="127"/>
      <c r="W73" s="127"/>
      <c r="X73" s="127"/>
      <c r="Y73" s="127"/>
      <c r="Z73" s="127"/>
      <c r="AA73" s="124"/>
      <c r="AB73" s="124"/>
      <c r="AC73" s="124"/>
      <c r="AD73" s="124"/>
      <c r="AE73" s="124"/>
      <c r="AF73" s="108"/>
      <c r="AG73" s="108"/>
      <c r="AH73" s="108"/>
      <c r="AI73" s="108"/>
      <c r="AJ73" s="108"/>
      <c r="AK73" s="116"/>
      <c r="AL73" s="129"/>
      <c r="AM73" s="129"/>
      <c r="AN73" s="131"/>
      <c r="AO73" s="131"/>
      <c r="AP73" s="131"/>
      <c r="AQ73" s="131"/>
      <c r="AR73" s="131"/>
      <c r="AS73" s="131"/>
      <c r="AT73" s="131"/>
      <c r="AU73" s="103"/>
      <c r="AV73" s="97"/>
    </row>
    <row r="74" spans="1:48" s="2" customFormat="1" ht="13.5" customHeight="1">
      <c r="A74" s="9"/>
      <c r="B74" s="9" t="s">
        <v>251</v>
      </c>
      <c r="C74" s="5">
        <v>70</v>
      </c>
      <c r="D74" s="7">
        <v>5</v>
      </c>
      <c r="E74" s="7">
        <v>770055</v>
      </c>
      <c r="F74" s="6" t="s">
        <v>72</v>
      </c>
      <c r="G74" s="23"/>
      <c r="H74" s="112"/>
      <c r="I74" s="112"/>
      <c r="J74" s="112"/>
      <c r="K74" s="112"/>
      <c r="L74" s="112"/>
      <c r="M74" s="112"/>
      <c r="N74" s="112"/>
      <c r="O74" s="112"/>
      <c r="P74" s="116"/>
      <c r="Q74" s="116"/>
      <c r="R74" s="120"/>
      <c r="S74" s="120"/>
      <c r="T74" s="120"/>
      <c r="U74" s="120"/>
      <c r="V74" s="127"/>
      <c r="W74" s="127"/>
      <c r="X74" s="127"/>
      <c r="Y74" s="127"/>
      <c r="Z74" s="127"/>
      <c r="AA74" s="124"/>
      <c r="AB74" s="124"/>
      <c r="AC74" s="124"/>
      <c r="AD74" s="124"/>
      <c r="AE74" s="124"/>
      <c r="AF74" s="108"/>
      <c r="AG74" s="108"/>
      <c r="AH74" s="108"/>
      <c r="AI74" s="108"/>
      <c r="AJ74" s="108"/>
      <c r="AK74" s="116"/>
      <c r="AL74" s="129"/>
      <c r="AM74" s="129"/>
      <c r="AN74" s="131"/>
      <c r="AO74" s="131"/>
      <c r="AP74" s="131"/>
      <c r="AQ74" s="131"/>
      <c r="AR74" s="131"/>
      <c r="AS74" s="131"/>
      <c r="AT74" s="131"/>
      <c r="AU74" s="103"/>
      <c r="AV74" s="97"/>
    </row>
    <row r="75" spans="1:48" s="2" customFormat="1" ht="13.5" customHeight="1">
      <c r="A75" s="9"/>
      <c r="B75" s="9" t="s">
        <v>251</v>
      </c>
      <c r="C75" s="5">
        <v>71</v>
      </c>
      <c r="D75" s="7">
        <v>30</v>
      </c>
      <c r="E75" s="7">
        <v>770104</v>
      </c>
      <c r="F75" s="6" t="s">
        <v>30</v>
      </c>
      <c r="G75" s="23"/>
      <c r="H75" s="112"/>
      <c r="I75" s="112"/>
      <c r="J75" s="112"/>
      <c r="K75" s="112"/>
      <c r="L75" s="112"/>
      <c r="M75" s="112"/>
      <c r="N75" s="112"/>
      <c r="O75" s="112"/>
      <c r="P75" s="116"/>
      <c r="Q75" s="116"/>
      <c r="R75" s="120"/>
      <c r="S75" s="120"/>
      <c r="T75" s="120"/>
      <c r="U75" s="120"/>
      <c r="V75" s="127"/>
      <c r="W75" s="127"/>
      <c r="X75" s="127"/>
      <c r="Y75" s="127"/>
      <c r="Z75" s="127"/>
      <c r="AA75" s="124"/>
      <c r="AB75" s="124"/>
      <c r="AC75" s="124"/>
      <c r="AD75" s="124"/>
      <c r="AE75" s="124"/>
      <c r="AF75" s="108"/>
      <c r="AG75" s="108"/>
      <c r="AH75" s="108"/>
      <c r="AI75" s="108"/>
      <c r="AJ75" s="108"/>
      <c r="AK75" s="116"/>
      <c r="AL75" s="129"/>
      <c r="AM75" s="129"/>
      <c r="AN75" s="131"/>
      <c r="AO75" s="131"/>
      <c r="AP75" s="131"/>
      <c r="AQ75" s="131"/>
      <c r="AR75" s="131"/>
      <c r="AS75" s="131"/>
      <c r="AT75" s="131"/>
      <c r="AU75" s="103"/>
      <c r="AV75" s="97"/>
    </row>
    <row r="76" spans="1:48" s="2" customFormat="1" ht="13.5" customHeight="1">
      <c r="A76" s="9"/>
      <c r="B76" s="9" t="s">
        <v>261</v>
      </c>
      <c r="C76" s="5">
        <v>72</v>
      </c>
      <c r="D76" s="7">
        <v>100</v>
      </c>
      <c r="E76" s="7">
        <v>774455</v>
      </c>
      <c r="F76" s="6" t="s">
        <v>265</v>
      </c>
      <c r="G76" s="23"/>
      <c r="H76" s="112"/>
      <c r="I76" s="112"/>
      <c r="J76" s="112"/>
      <c r="K76" s="112"/>
      <c r="L76" s="112"/>
      <c r="M76" s="112"/>
      <c r="N76" s="112"/>
      <c r="O76" s="112"/>
      <c r="P76" s="116"/>
      <c r="Q76" s="116"/>
      <c r="R76" s="120"/>
      <c r="S76" s="120"/>
      <c r="T76" s="120" t="s">
        <v>180</v>
      </c>
      <c r="U76" s="120"/>
      <c r="V76" s="127"/>
      <c r="W76" s="127"/>
      <c r="X76" s="127" t="s">
        <v>180</v>
      </c>
      <c r="Y76" s="127"/>
      <c r="Z76" s="127"/>
      <c r="AA76" s="124"/>
      <c r="AB76" s="124"/>
      <c r="AC76" s="124"/>
      <c r="AD76" s="124"/>
      <c r="AE76" s="124"/>
      <c r="AF76" s="108"/>
      <c r="AG76" s="108"/>
      <c r="AH76" s="108"/>
      <c r="AI76" s="108" t="s">
        <v>180</v>
      </c>
      <c r="AJ76" s="108"/>
      <c r="AK76" s="116"/>
      <c r="AL76" s="129"/>
      <c r="AM76" s="129"/>
      <c r="AN76" s="131"/>
      <c r="AO76" s="131" t="s">
        <v>180</v>
      </c>
      <c r="AP76" s="131" t="s">
        <v>180</v>
      </c>
      <c r="AQ76" s="131" t="s">
        <v>180</v>
      </c>
      <c r="AR76" s="131"/>
      <c r="AS76" s="131" t="s">
        <v>180</v>
      </c>
      <c r="AT76" s="131"/>
      <c r="AU76" s="103"/>
      <c r="AV76" s="97"/>
    </row>
    <row r="77" spans="1:48" s="2" customFormat="1" ht="13.5" customHeight="1">
      <c r="A77" s="9"/>
      <c r="B77" s="9" t="s">
        <v>49</v>
      </c>
      <c r="C77" s="5">
        <v>73</v>
      </c>
      <c r="D77" s="7">
        <v>150</v>
      </c>
      <c r="E77" s="7">
        <v>720511</v>
      </c>
      <c r="F77" s="6" t="s">
        <v>20</v>
      </c>
      <c r="G77" s="23"/>
      <c r="H77" s="112"/>
      <c r="I77" s="112"/>
      <c r="J77" s="112"/>
      <c r="K77" s="112"/>
      <c r="L77" s="112"/>
      <c r="M77" s="112"/>
      <c r="N77" s="112"/>
      <c r="O77" s="112"/>
      <c r="P77" s="116"/>
      <c r="Q77" s="116"/>
      <c r="R77" s="120"/>
      <c r="S77" s="120"/>
      <c r="T77" s="120"/>
      <c r="U77" s="120"/>
      <c r="V77" s="127"/>
      <c r="W77" s="127"/>
      <c r="X77" s="127"/>
      <c r="Y77" s="127"/>
      <c r="Z77" s="127"/>
      <c r="AA77" s="124"/>
      <c r="AB77" s="124"/>
      <c r="AC77" s="124"/>
      <c r="AD77" s="124"/>
      <c r="AE77" s="124"/>
      <c r="AF77" s="108"/>
      <c r="AG77" s="108"/>
      <c r="AH77" s="108"/>
      <c r="AI77" s="108"/>
      <c r="AJ77" s="108"/>
      <c r="AK77" s="116"/>
      <c r="AL77" s="129"/>
      <c r="AM77" s="129"/>
      <c r="AN77" s="131"/>
      <c r="AO77" s="131" t="s">
        <v>180</v>
      </c>
      <c r="AP77" s="131" t="s">
        <v>180</v>
      </c>
      <c r="AQ77" s="131"/>
      <c r="AR77" s="131"/>
      <c r="AS77" s="131" t="s">
        <v>180</v>
      </c>
      <c r="AT77" s="131"/>
      <c r="AU77" s="103"/>
      <c r="AV77" s="97"/>
    </row>
    <row r="78" spans="1:48" s="2" customFormat="1" ht="13.5" customHeight="1">
      <c r="A78" s="9"/>
      <c r="B78" s="9" t="s">
        <v>65</v>
      </c>
      <c r="C78" s="5">
        <v>74</v>
      </c>
      <c r="D78" s="11">
        <v>30</v>
      </c>
      <c r="E78" s="11">
        <v>5369</v>
      </c>
      <c r="F78" s="6" t="s">
        <v>63</v>
      </c>
      <c r="G78" s="23"/>
      <c r="H78" s="112"/>
      <c r="I78" s="112"/>
      <c r="J78" s="112"/>
      <c r="K78" s="112"/>
      <c r="L78" s="112"/>
      <c r="M78" s="112"/>
      <c r="N78" s="112"/>
      <c r="O78" s="112"/>
      <c r="P78" s="116"/>
      <c r="Q78" s="116"/>
      <c r="R78" s="120"/>
      <c r="S78" s="120"/>
      <c r="T78" s="120" t="s">
        <v>180</v>
      </c>
      <c r="U78" s="120"/>
      <c r="V78" s="127"/>
      <c r="W78" s="127"/>
      <c r="X78" s="127" t="s">
        <v>180</v>
      </c>
      <c r="Y78" s="127"/>
      <c r="Z78" s="127"/>
      <c r="AA78" s="124" t="s">
        <v>180</v>
      </c>
      <c r="AB78" s="124"/>
      <c r="AC78" s="124" t="s">
        <v>180</v>
      </c>
      <c r="AD78" s="124" t="s">
        <v>180</v>
      </c>
      <c r="AE78" s="124"/>
      <c r="AF78" s="108"/>
      <c r="AG78" s="108"/>
      <c r="AH78" s="108"/>
      <c r="AI78" s="108" t="s">
        <v>180</v>
      </c>
      <c r="AJ78" s="108"/>
      <c r="AK78" s="116"/>
      <c r="AL78" s="129"/>
      <c r="AM78" s="129"/>
      <c r="AN78" s="131"/>
      <c r="AO78" s="131"/>
      <c r="AP78" s="131" t="s">
        <v>180</v>
      </c>
      <c r="AQ78" s="131" t="s">
        <v>180</v>
      </c>
      <c r="AR78" s="131" t="s">
        <v>180</v>
      </c>
      <c r="AS78" s="131" t="s">
        <v>180</v>
      </c>
      <c r="AT78" s="131"/>
      <c r="AU78" s="103"/>
      <c r="AV78" s="97"/>
    </row>
    <row r="79" spans="1:48" s="2" customFormat="1" ht="13.5" customHeight="1">
      <c r="A79" s="9"/>
      <c r="B79" s="9" t="s">
        <v>65</v>
      </c>
      <c r="C79" s="5">
        <v>75</v>
      </c>
      <c r="D79" s="11">
        <v>30</v>
      </c>
      <c r="E79" s="11">
        <v>5619</v>
      </c>
      <c r="F79" s="6" t="s">
        <v>64</v>
      </c>
      <c r="G79" s="23"/>
      <c r="H79" s="112"/>
      <c r="I79" s="112"/>
      <c r="J79" s="112"/>
      <c r="K79" s="112"/>
      <c r="L79" s="112"/>
      <c r="M79" s="112"/>
      <c r="N79" s="112"/>
      <c r="O79" s="112"/>
      <c r="P79" s="116"/>
      <c r="Q79" s="116"/>
      <c r="R79" s="120"/>
      <c r="S79" s="120"/>
      <c r="T79" s="120" t="s">
        <v>180</v>
      </c>
      <c r="U79" s="120"/>
      <c r="V79" s="127"/>
      <c r="W79" s="127"/>
      <c r="X79" s="127" t="s">
        <v>180</v>
      </c>
      <c r="Y79" s="127"/>
      <c r="Z79" s="127"/>
      <c r="AA79" s="124"/>
      <c r="AB79" s="124"/>
      <c r="AC79" s="124" t="s">
        <v>180</v>
      </c>
      <c r="AD79" s="124" t="s">
        <v>180</v>
      </c>
      <c r="AE79" s="124"/>
      <c r="AF79" s="108"/>
      <c r="AG79" s="108"/>
      <c r="AH79" s="108"/>
      <c r="AI79" s="108" t="s">
        <v>180</v>
      </c>
      <c r="AJ79" s="108"/>
      <c r="AK79" s="116"/>
      <c r="AL79" s="129"/>
      <c r="AM79" s="129"/>
      <c r="AN79" s="131"/>
      <c r="AO79" s="131"/>
      <c r="AP79" s="131" t="s">
        <v>180</v>
      </c>
      <c r="AQ79" s="131" t="s">
        <v>180</v>
      </c>
      <c r="AR79" s="131" t="s">
        <v>180</v>
      </c>
      <c r="AS79" s="131" t="s">
        <v>180</v>
      </c>
      <c r="AT79" s="131"/>
      <c r="AU79" s="103"/>
      <c r="AV79" s="97"/>
    </row>
    <row r="80" spans="1:48" s="2" customFormat="1" ht="13.5" customHeight="1">
      <c r="A80" s="9"/>
      <c r="B80" s="9" t="s">
        <v>80</v>
      </c>
      <c r="C80" s="5">
        <v>1</v>
      </c>
      <c r="D80" s="7" t="s">
        <v>32</v>
      </c>
      <c r="E80" s="7">
        <v>4250</v>
      </c>
      <c r="F80" s="6" t="s">
        <v>31</v>
      </c>
      <c r="G80" s="23"/>
      <c r="H80" s="112"/>
      <c r="I80" s="112" t="s">
        <v>180</v>
      </c>
      <c r="J80" s="112"/>
      <c r="K80" s="112"/>
      <c r="L80" s="112" t="s">
        <v>180</v>
      </c>
      <c r="M80" s="112" t="s">
        <v>180</v>
      </c>
      <c r="N80" s="112"/>
      <c r="O80" s="112" t="s">
        <v>180</v>
      </c>
      <c r="P80" s="116"/>
      <c r="Q80" s="116"/>
      <c r="R80" s="120"/>
      <c r="S80" s="120" t="s">
        <v>180</v>
      </c>
      <c r="T80" s="120"/>
      <c r="U80" s="120"/>
      <c r="V80" s="127"/>
      <c r="W80" s="127"/>
      <c r="X80" s="127"/>
      <c r="Y80" s="127"/>
      <c r="Z80" s="127"/>
      <c r="AA80" s="124"/>
      <c r="AB80" s="124"/>
      <c r="AC80" s="124"/>
      <c r="AD80" s="124"/>
      <c r="AE80" s="124"/>
      <c r="AF80" s="108"/>
      <c r="AG80" s="108"/>
      <c r="AH80" s="108"/>
      <c r="AI80" s="108"/>
      <c r="AJ80" s="108"/>
      <c r="AK80" s="116"/>
      <c r="AL80" s="129"/>
      <c r="AM80" s="129"/>
      <c r="AN80" s="131"/>
      <c r="AO80" s="131" t="s">
        <v>180</v>
      </c>
      <c r="AP80" s="131" t="s">
        <v>180</v>
      </c>
      <c r="AQ80" s="131"/>
      <c r="AR80" s="131"/>
      <c r="AS80" s="131" t="s">
        <v>180</v>
      </c>
      <c r="AT80" s="131"/>
      <c r="AU80" s="103"/>
      <c r="AV80" s="97"/>
    </row>
    <row r="81" spans="1:48" s="2" customFormat="1" ht="13.5" customHeight="1">
      <c r="A81" s="9"/>
      <c r="B81" s="9" t="s">
        <v>80</v>
      </c>
      <c r="C81" s="5">
        <v>2</v>
      </c>
      <c r="D81" s="7" t="s">
        <v>34</v>
      </c>
      <c r="E81" s="7">
        <v>4248</v>
      </c>
      <c r="F81" s="6" t="s">
        <v>33</v>
      </c>
      <c r="G81" s="23"/>
      <c r="H81" s="112"/>
      <c r="I81" s="112" t="s">
        <v>180</v>
      </c>
      <c r="J81" s="112"/>
      <c r="K81" s="112"/>
      <c r="L81" s="112" t="s">
        <v>180</v>
      </c>
      <c r="M81" s="112" t="s">
        <v>180</v>
      </c>
      <c r="N81" s="112"/>
      <c r="O81" s="112" t="s">
        <v>180</v>
      </c>
      <c r="P81" s="116"/>
      <c r="Q81" s="116"/>
      <c r="R81" s="120"/>
      <c r="S81" s="120" t="s">
        <v>180</v>
      </c>
      <c r="T81" s="120"/>
      <c r="U81" s="120"/>
      <c r="V81" s="127"/>
      <c r="W81" s="127"/>
      <c r="X81" s="127"/>
      <c r="Y81" s="127"/>
      <c r="Z81" s="127"/>
      <c r="AA81" s="124"/>
      <c r="AB81" s="124"/>
      <c r="AC81" s="124"/>
      <c r="AD81" s="124"/>
      <c r="AE81" s="124"/>
      <c r="AF81" s="108"/>
      <c r="AG81" s="108"/>
      <c r="AH81" s="108"/>
      <c r="AI81" s="108"/>
      <c r="AJ81" s="108"/>
      <c r="AK81" s="116"/>
      <c r="AL81" s="129"/>
      <c r="AM81" s="129"/>
      <c r="AN81" s="131"/>
      <c r="AO81" s="131" t="s">
        <v>180</v>
      </c>
      <c r="AP81" s="131" t="s">
        <v>180</v>
      </c>
      <c r="AQ81" s="131"/>
      <c r="AR81" s="131"/>
      <c r="AS81" s="131" t="s">
        <v>180</v>
      </c>
      <c r="AT81" s="131"/>
      <c r="AU81" s="103"/>
      <c r="AV81" s="97"/>
    </row>
    <row r="82" spans="1:48" s="2" customFormat="1" ht="13.5" customHeight="1">
      <c r="A82" s="9"/>
      <c r="B82" s="9" t="s">
        <v>80</v>
      </c>
      <c r="C82" s="5">
        <v>3</v>
      </c>
      <c r="D82" s="7" t="s">
        <v>45</v>
      </c>
      <c r="E82" s="7">
        <v>6479</v>
      </c>
      <c r="F82" s="6" t="s">
        <v>35</v>
      </c>
      <c r="G82" s="23"/>
      <c r="H82" s="112"/>
      <c r="I82" s="112" t="s">
        <v>180</v>
      </c>
      <c r="J82" s="112"/>
      <c r="K82" s="112"/>
      <c r="L82" s="112" t="s">
        <v>180</v>
      </c>
      <c r="M82" s="112" t="s">
        <v>180</v>
      </c>
      <c r="N82" s="112"/>
      <c r="O82" s="112" t="s">
        <v>180</v>
      </c>
      <c r="P82" s="116"/>
      <c r="Q82" s="116"/>
      <c r="R82" s="120" t="s">
        <v>180</v>
      </c>
      <c r="S82" s="120"/>
      <c r="T82" s="120"/>
      <c r="U82" s="120"/>
      <c r="V82" s="127"/>
      <c r="W82" s="127" t="s">
        <v>180</v>
      </c>
      <c r="X82" s="127"/>
      <c r="Y82" s="127"/>
      <c r="Z82" s="127"/>
      <c r="AA82" s="124"/>
      <c r="AB82" s="124"/>
      <c r="AC82" s="124"/>
      <c r="AD82" s="124"/>
      <c r="AE82" s="124"/>
      <c r="AF82" s="108"/>
      <c r="AG82" s="108"/>
      <c r="AH82" s="108"/>
      <c r="AI82" s="108"/>
      <c r="AJ82" s="108"/>
      <c r="AK82" s="116"/>
      <c r="AL82" s="129"/>
      <c r="AM82" s="129"/>
      <c r="AN82" s="131"/>
      <c r="AO82" s="131" t="s">
        <v>180</v>
      </c>
      <c r="AP82" s="131" t="s">
        <v>180</v>
      </c>
      <c r="AQ82" s="131"/>
      <c r="AR82" s="131"/>
      <c r="AS82" s="131" t="s">
        <v>180</v>
      </c>
      <c r="AT82" s="131"/>
      <c r="AU82" s="103"/>
      <c r="AV82" s="97"/>
    </row>
    <row r="83" spans="1:48" s="2" customFormat="1" ht="13.5" customHeight="1">
      <c r="A83" s="9"/>
      <c r="B83" s="9" t="s">
        <v>80</v>
      </c>
      <c r="C83" s="5">
        <v>4</v>
      </c>
      <c r="D83" s="7" t="s">
        <v>37</v>
      </c>
      <c r="E83" s="7">
        <v>740710</v>
      </c>
      <c r="F83" s="6" t="s">
        <v>36</v>
      </c>
      <c r="G83" s="23"/>
      <c r="H83" s="112"/>
      <c r="I83" s="112"/>
      <c r="J83" s="112"/>
      <c r="K83" s="112"/>
      <c r="L83" s="112"/>
      <c r="M83" s="112"/>
      <c r="N83" s="112"/>
      <c r="O83" s="112"/>
      <c r="P83" s="116"/>
      <c r="Q83" s="116"/>
      <c r="R83" s="120" t="s">
        <v>180</v>
      </c>
      <c r="S83" s="120"/>
      <c r="T83" s="120"/>
      <c r="U83" s="120"/>
      <c r="V83" s="127"/>
      <c r="W83" s="127" t="s">
        <v>180</v>
      </c>
      <c r="X83" s="127"/>
      <c r="Y83" s="127"/>
      <c r="Z83" s="127"/>
      <c r="AA83" s="124"/>
      <c r="AB83" s="124"/>
      <c r="AC83" s="124"/>
      <c r="AD83" s="124"/>
      <c r="AE83" s="124"/>
      <c r="AF83" s="108"/>
      <c r="AG83" s="108"/>
      <c r="AH83" s="108"/>
      <c r="AI83" s="108"/>
      <c r="AJ83" s="108"/>
      <c r="AK83" s="116"/>
      <c r="AL83" s="129"/>
      <c r="AM83" s="129"/>
      <c r="AN83" s="131"/>
      <c r="AO83" s="131" t="s">
        <v>180</v>
      </c>
      <c r="AP83" s="131" t="s">
        <v>180</v>
      </c>
      <c r="AQ83" s="131"/>
      <c r="AR83" s="131"/>
      <c r="AS83" s="131" t="s">
        <v>180</v>
      </c>
      <c r="AT83" s="131"/>
      <c r="AU83" s="103"/>
      <c r="AV83" s="97"/>
    </row>
    <row r="84" spans="1:48" s="2" customFormat="1" ht="13.5" customHeight="1">
      <c r="A84" s="9"/>
      <c r="B84" s="9" t="s">
        <v>80</v>
      </c>
      <c r="C84" s="5">
        <v>5</v>
      </c>
      <c r="D84" s="7" t="s">
        <v>74</v>
      </c>
      <c r="E84" s="7">
        <v>740500</v>
      </c>
      <c r="F84" s="6" t="s">
        <v>75</v>
      </c>
      <c r="G84" s="23"/>
      <c r="H84" s="112"/>
      <c r="I84" s="112"/>
      <c r="J84" s="112"/>
      <c r="K84" s="112"/>
      <c r="L84" s="112"/>
      <c r="M84" s="112"/>
      <c r="N84" s="112"/>
      <c r="O84" s="112"/>
      <c r="P84" s="116"/>
      <c r="Q84" s="116"/>
      <c r="R84" s="120" t="s">
        <v>180</v>
      </c>
      <c r="S84" s="120"/>
      <c r="T84" s="120"/>
      <c r="U84" s="120"/>
      <c r="V84" s="127"/>
      <c r="W84" s="127" t="s">
        <v>180</v>
      </c>
      <c r="X84" s="127"/>
      <c r="Y84" s="127"/>
      <c r="Z84" s="127"/>
      <c r="AA84" s="124"/>
      <c r="AB84" s="124"/>
      <c r="AC84" s="124"/>
      <c r="AD84" s="124"/>
      <c r="AE84" s="124"/>
      <c r="AF84" s="108"/>
      <c r="AG84" s="108"/>
      <c r="AH84" s="108"/>
      <c r="AI84" s="108"/>
      <c r="AJ84" s="108"/>
      <c r="AK84" s="116"/>
      <c r="AL84" s="129"/>
      <c r="AM84" s="129"/>
      <c r="AN84" s="131"/>
      <c r="AO84" s="131" t="s">
        <v>180</v>
      </c>
      <c r="AP84" s="131" t="s">
        <v>180</v>
      </c>
      <c r="AQ84" s="131"/>
      <c r="AR84" s="131"/>
      <c r="AS84" s="131" t="s">
        <v>180</v>
      </c>
      <c r="AT84" s="131"/>
      <c r="AU84" s="103"/>
      <c r="AV84" s="97"/>
    </row>
    <row r="85" spans="1:48" s="2" customFormat="1" ht="13.5" customHeight="1">
      <c r="A85" s="9"/>
      <c r="B85" s="9" t="s">
        <v>80</v>
      </c>
      <c r="C85" s="5">
        <v>6</v>
      </c>
      <c r="D85" s="7" t="s">
        <v>38</v>
      </c>
      <c r="E85" s="7">
        <v>4235</v>
      </c>
      <c r="F85" s="6" t="s">
        <v>48</v>
      </c>
      <c r="G85" s="23"/>
      <c r="H85" s="112" t="s">
        <v>180</v>
      </c>
      <c r="I85" s="112" t="s">
        <v>180</v>
      </c>
      <c r="J85" s="112"/>
      <c r="K85" s="112"/>
      <c r="L85" s="112" t="s">
        <v>180</v>
      </c>
      <c r="M85" s="112" t="s">
        <v>180</v>
      </c>
      <c r="N85" s="112"/>
      <c r="O85" s="112"/>
      <c r="P85" s="116"/>
      <c r="Q85" s="116"/>
      <c r="R85" s="120"/>
      <c r="S85" s="120"/>
      <c r="T85" s="120"/>
      <c r="U85" s="120"/>
      <c r="V85" s="127"/>
      <c r="W85" s="127"/>
      <c r="X85" s="127"/>
      <c r="Y85" s="127"/>
      <c r="Z85" s="127"/>
      <c r="AA85" s="124"/>
      <c r="AB85" s="124"/>
      <c r="AC85" s="124"/>
      <c r="AD85" s="124"/>
      <c r="AE85" s="124"/>
      <c r="AF85" s="108"/>
      <c r="AG85" s="108"/>
      <c r="AH85" s="108"/>
      <c r="AI85" s="108"/>
      <c r="AJ85" s="108"/>
      <c r="AK85" s="116"/>
      <c r="AL85" s="129"/>
      <c r="AM85" s="129"/>
      <c r="AN85" s="131"/>
      <c r="AO85" s="131" t="s">
        <v>180</v>
      </c>
      <c r="AP85" s="131" t="s">
        <v>180</v>
      </c>
      <c r="AQ85" s="131"/>
      <c r="AR85" s="131"/>
      <c r="AS85" s="131" t="s">
        <v>180</v>
      </c>
      <c r="AT85" s="131"/>
      <c r="AU85" s="103"/>
      <c r="AV85" s="97"/>
    </row>
    <row r="86" spans="1:48" s="2" customFormat="1" ht="13.5" customHeight="1">
      <c r="A86" s="9"/>
      <c r="B86" s="9" t="s">
        <v>80</v>
      </c>
      <c r="C86" s="5">
        <v>7</v>
      </c>
      <c r="D86" s="7" t="s">
        <v>40</v>
      </c>
      <c r="E86" s="7">
        <v>1146</v>
      </c>
      <c r="F86" s="6" t="s">
        <v>39</v>
      </c>
      <c r="G86" s="23"/>
      <c r="H86" s="112" t="s">
        <v>180</v>
      </c>
      <c r="I86" s="112" t="s">
        <v>180</v>
      </c>
      <c r="J86" s="112"/>
      <c r="K86" s="112"/>
      <c r="L86" s="112" t="s">
        <v>180</v>
      </c>
      <c r="M86" s="112" t="s">
        <v>180</v>
      </c>
      <c r="N86" s="112"/>
      <c r="O86" s="112"/>
      <c r="P86" s="116"/>
      <c r="Q86" s="116"/>
      <c r="R86" s="120"/>
      <c r="S86" s="120"/>
      <c r="T86" s="120"/>
      <c r="U86" s="120"/>
      <c r="V86" s="127"/>
      <c r="W86" s="127"/>
      <c r="X86" s="127"/>
      <c r="Y86" s="127"/>
      <c r="Z86" s="127"/>
      <c r="AA86" s="124"/>
      <c r="AB86" s="124"/>
      <c r="AC86" s="124"/>
      <c r="AD86" s="124"/>
      <c r="AE86" s="124"/>
      <c r="AF86" s="108"/>
      <c r="AG86" s="108"/>
      <c r="AH86" s="108"/>
      <c r="AI86" s="108"/>
      <c r="AJ86" s="108"/>
      <c r="AK86" s="116"/>
      <c r="AL86" s="129"/>
      <c r="AM86" s="129"/>
      <c r="AN86" s="131"/>
      <c r="AO86" s="131" t="s">
        <v>180</v>
      </c>
      <c r="AP86" s="131" t="s">
        <v>180</v>
      </c>
      <c r="AQ86" s="131"/>
      <c r="AR86" s="131"/>
      <c r="AS86" s="131" t="s">
        <v>180</v>
      </c>
      <c r="AT86" s="131"/>
      <c r="AU86" s="103"/>
      <c r="AV86" s="97"/>
    </row>
    <row r="87" spans="1:48" s="2" customFormat="1" ht="13.5" customHeight="1">
      <c r="A87" s="9"/>
      <c r="B87" s="9" t="s">
        <v>80</v>
      </c>
      <c r="C87" s="5">
        <v>8</v>
      </c>
      <c r="D87" s="7" t="s">
        <v>38</v>
      </c>
      <c r="E87" s="7">
        <v>4657</v>
      </c>
      <c r="F87" s="6" t="s">
        <v>41</v>
      </c>
      <c r="G87" s="23"/>
      <c r="H87" s="112"/>
      <c r="I87" s="112"/>
      <c r="J87" s="112" t="s">
        <v>180</v>
      </c>
      <c r="K87" s="112" t="s">
        <v>180</v>
      </c>
      <c r="L87" s="112"/>
      <c r="M87" s="112" t="s">
        <v>180</v>
      </c>
      <c r="N87" s="112"/>
      <c r="O87" s="112"/>
      <c r="P87" s="116" t="s">
        <v>180</v>
      </c>
      <c r="Q87" s="116" t="s">
        <v>180</v>
      </c>
      <c r="R87" s="120"/>
      <c r="S87" s="120"/>
      <c r="T87" s="120"/>
      <c r="U87" s="120"/>
      <c r="V87" s="127"/>
      <c r="W87" s="127"/>
      <c r="X87" s="127"/>
      <c r="Y87" s="127"/>
      <c r="Z87" s="127"/>
      <c r="AA87" s="124"/>
      <c r="AB87" s="124"/>
      <c r="AC87" s="124"/>
      <c r="AD87" s="124"/>
      <c r="AE87" s="124"/>
      <c r="AF87" s="108"/>
      <c r="AG87" s="108"/>
      <c r="AH87" s="108"/>
      <c r="AI87" s="108"/>
      <c r="AJ87" s="108"/>
      <c r="AK87" s="116"/>
      <c r="AL87" s="129"/>
      <c r="AM87" s="129"/>
      <c r="AN87" s="131"/>
      <c r="AO87" s="131" t="s">
        <v>180</v>
      </c>
      <c r="AP87" s="131" t="s">
        <v>180</v>
      </c>
      <c r="AQ87" s="131"/>
      <c r="AR87" s="131"/>
      <c r="AS87" s="131" t="s">
        <v>180</v>
      </c>
      <c r="AT87" s="131"/>
      <c r="AU87" s="103"/>
      <c r="AV87" s="97"/>
    </row>
    <row r="88" spans="1:48" s="2" customFormat="1" ht="13.5" customHeight="1">
      <c r="A88" s="9"/>
      <c r="B88" s="9" t="s">
        <v>80</v>
      </c>
      <c r="C88" s="5">
        <v>9</v>
      </c>
      <c r="D88" s="7" t="s">
        <v>43</v>
      </c>
      <c r="E88" s="7">
        <v>4223</v>
      </c>
      <c r="F88" s="6" t="s">
        <v>44</v>
      </c>
      <c r="G88" s="23"/>
      <c r="H88" s="112"/>
      <c r="I88" s="112"/>
      <c r="J88" s="112" t="s">
        <v>180</v>
      </c>
      <c r="K88" s="112" t="s">
        <v>180</v>
      </c>
      <c r="L88" s="112"/>
      <c r="M88" s="112" t="s">
        <v>180</v>
      </c>
      <c r="N88" s="112"/>
      <c r="O88" s="112"/>
      <c r="P88" s="116" t="s">
        <v>180</v>
      </c>
      <c r="Q88" s="116" t="s">
        <v>180</v>
      </c>
      <c r="R88" s="120"/>
      <c r="S88" s="120"/>
      <c r="T88" s="120"/>
      <c r="U88" s="120"/>
      <c r="V88" s="127"/>
      <c r="W88" s="127"/>
      <c r="X88" s="127"/>
      <c r="Y88" s="127"/>
      <c r="Z88" s="127"/>
      <c r="AA88" s="124"/>
      <c r="AB88" s="124" t="s">
        <v>180</v>
      </c>
      <c r="AC88" s="124"/>
      <c r="AD88" s="124"/>
      <c r="AE88" s="124"/>
      <c r="AF88" s="108"/>
      <c r="AG88" s="108"/>
      <c r="AH88" s="108"/>
      <c r="AI88" s="108"/>
      <c r="AJ88" s="108"/>
      <c r="AK88" s="116"/>
      <c r="AL88" s="129"/>
      <c r="AM88" s="129"/>
      <c r="AN88" s="131"/>
      <c r="AO88" s="131" t="s">
        <v>180</v>
      </c>
      <c r="AP88" s="131" t="s">
        <v>180</v>
      </c>
      <c r="AQ88" s="131"/>
      <c r="AR88" s="131"/>
      <c r="AS88" s="131" t="s">
        <v>180</v>
      </c>
      <c r="AT88" s="131"/>
      <c r="AU88" s="103"/>
      <c r="AV88" s="97"/>
    </row>
    <row r="89" spans="1:48" s="1" customFormat="1" ht="13.5" customHeight="1">
      <c r="A89" s="9"/>
      <c r="B89" s="9" t="s">
        <v>80</v>
      </c>
      <c r="C89" s="5">
        <v>10</v>
      </c>
      <c r="D89" s="7" t="s">
        <v>40</v>
      </c>
      <c r="E89" s="7">
        <v>1208</v>
      </c>
      <c r="F89" s="6" t="s">
        <v>79</v>
      </c>
      <c r="G89" s="24"/>
      <c r="H89" s="113"/>
      <c r="I89" s="113" t="s">
        <v>180</v>
      </c>
      <c r="J89" s="113"/>
      <c r="K89" s="113"/>
      <c r="L89" s="113"/>
      <c r="M89" s="113" t="s">
        <v>180</v>
      </c>
      <c r="N89" s="113" t="s">
        <v>180</v>
      </c>
      <c r="O89" s="113" t="s">
        <v>180</v>
      </c>
      <c r="P89" s="117"/>
      <c r="Q89" s="117"/>
      <c r="R89" s="121"/>
      <c r="S89" s="121" t="s">
        <v>180</v>
      </c>
      <c r="T89" s="121"/>
      <c r="U89" s="121"/>
      <c r="V89" s="128"/>
      <c r="W89" s="128"/>
      <c r="X89" s="128"/>
      <c r="Y89" s="128"/>
      <c r="Z89" s="128"/>
      <c r="AA89" s="101"/>
      <c r="AB89" s="101"/>
      <c r="AC89" s="101"/>
      <c r="AD89" s="101"/>
      <c r="AE89" s="101"/>
      <c r="AF89" s="109"/>
      <c r="AG89" s="109"/>
      <c r="AH89" s="109"/>
      <c r="AI89" s="109"/>
      <c r="AJ89" s="109"/>
      <c r="AK89" s="117"/>
      <c r="AL89" s="130"/>
      <c r="AM89" s="130"/>
      <c r="AN89" s="132"/>
      <c r="AO89" s="132" t="s">
        <v>180</v>
      </c>
      <c r="AP89" s="132" t="s">
        <v>180</v>
      </c>
      <c r="AQ89" s="132"/>
      <c r="AR89" s="132"/>
      <c r="AS89" s="132" t="s">
        <v>180</v>
      </c>
      <c r="AT89" s="132"/>
      <c r="AU89" s="104"/>
      <c r="AV89" s="98"/>
    </row>
    <row r="90" spans="1:48" s="2" customFormat="1" ht="7.5" customHeight="1">
      <c r="A90" s="20"/>
      <c r="B90" s="20"/>
      <c r="C90" s="133"/>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97"/>
    </row>
  </sheetData>
  <customSheetViews>
    <customSheetView guid="{8A17AC69-55DF-4614-B83A-7D93DE081E37}" state="hidden">
      <pane xSplit="6" ySplit="3" topLeftCell="G4" activePane="bottomRight" state="frozen"/>
      <selection pane="bottomRight" activeCell="AD17" sqref="AD17"/>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6B575A70-6A6A-450F-AE29-EB915E5E7E05}" scale="70">
      <pane xSplit="5" ySplit="3" topLeftCell="Y25" activePane="bottomRight" state="frozen"/>
      <selection pane="bottomRight" activeCell="AI55" sqref="AI55"/>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347297B9-E98D-48A5-81C7-A3B6F79B807D}">
      <pane xSplit="5" ySplit="3" topLeftCell="F7" activePane="bottomRight" state="frozen"/>
      <selection pane="bottomRight" activeCell="K51" sqref="K51"/>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0201BF4B-EFA9-4D0B-B527-84BCDAABA531}">
      <pane xSplit="5" ySplit="3" topLeftCell="F4" activePane="bottomRight" state="frozen"/>
      <selection pane="bottomRight" activeCell="B4" sqref="B4:E24"/>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I4" activePane="bottomRight" state="frozen"/>
      <selection pane="topRight" activeCell="G1" sqref="G1"/>
      <selection pane="bottomLeft" activeCell="A4" sqref="A4"/>
      <selection pane="bottomRight" activeCell="AA7" sqref="AA7"/>
    </sheetView>
  </sheetViews>
  <sheetFormatPr defaultColWidth="9.109375" defaultRowHeight="10.199999999999999"/>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99" customWidth="1"/>
    <col min="38" max="46" width="9.6640625" style="100" customWidth="1"/>
    <col min="47" max="47" width="1.6640625" style="99" customWidth="1"/>
    <col min="48" max="48" width="9.109375" style="100"/>
    <col min="49" max="16384" width="9.109375" style="8"/>
  </cols>
  <sheetData>
    <row r="1" spans="1:48" s="3" customFormat="1" ht="39.75" customHeight="1">
      <c r="A1" s="19"/>
      <c r="B1" s="19"/>
      <c r="C1" s="19"/>
      <c r="D1" s="140"/>
      <c r="E1" s="19"/>
      <c r="F1" s="19"/>
      <c r="G1" s="21"/>
      <c r="H1" s="110" t="s">
        <v>136</v>
      </c>
      <c r="I1" s="110" t="s">
        <v>136</v>
      </c>
      <c r="J1" s="110" t="s">
        <v>136</v>
      </c>
      <c r="K1" s="110" t="s">
        <v>136</v>
      </c>
      <c r="L1" s="110" t="s">
        <v>136</v>
      </c>
      <c r="M1" s="110" t="s">
        <v>136</v>
      </c>
      <c r="N1" s="110" t="s">
        <v>136</v>
      </c>
      <c r="O1" s="110" t="s">
        <v>136</v>
      </c>
      <c r="P1" s="114" t="s">
        <v>95</v>
      </c>
      <c r="Q1" s="114" t="s">
        <v>95</v>
      </c>
      <c r="R1" s="118" t="s">
        <v>137</v>
      </c>
      <c r="S1" s="118" t="s">
        <v>137</v>
      </c>
      <c r="T1" s="118" t="s">
        <v>137</v>
      </c>
      <c r="U1" s="118" t="s">
        <v>137</v>
      </c>
      <c r="V1" s="125" t="s">
        <v>96</v>
      </c>
      <c r="W1" s="125" t="s">
        <v>96</v>
      </c>
      <c r="X1" s="125" t="s">
        <v>96</v>
      </c>
      <c r="Y1" s="125" t="s">
        <v>96</v>
      </c>
      <c r="Z1" s="125" t="s">
        <v>96</v>
      </c>
      <c r="AA1" s="122" t="s">
        <v>127</v>
      </c>
      <c r="AB1" s="122" t="s">
        <v>127</v>
      </c>
      <c r="AC1" s="122" t="s">
        <v>127</v>
      </c>
      <c r="AD1" s="122" t="s">
        <v>127</v>
      </c>
      <c r="AE1" s="122" t="s">
        <v>128</v>
      </c>
      <c r="AF1" s="106" t="s">
        <v>128</v>
      </c>
      <c r="AG1" s="106" t="s">
        <v>128</v>
      </c>
      <c r="AH1" s="106" t="s">
        <v>128</v>
      </c>
      <c r="AI1" s="106" t="s">
        <v>128</v>
      </c>
      <c r="AJ1" s="106" t="s">
        <v>128</v>
      </c>
      <c r="AK1" s="114" t="s">
        <v>130</v>
      </c>
      <c r="AL1" s="114" t="s">
        <v>129</v>
      </c>
      <c r="AM1" s="114" t="s">
        <v>108</v>
      </c>
      <c r="AN1" s="118" t="s">
        <v>118</v>
      </c>
      <c r="AO1" s="118" t="s">
        <v>118</v>
      </c>
      <c r="AP1" s="118" t="s">
        <v>118</v>
      </c>
      <c r="AQ1" s="118" t="s">
        <v>118</v>
      </c>
      <c r="AR1" s="118" t="s">
        <v>118</v>
      </c>
      <c r="AS1" s="118" t="s">
        <v>118</v>
      </c>
      <c r="AT1" s="118" t="s">
        <v>118</v>
      </c>
      <c r="AU1" s="25"/>
      <c r="AV1" s="18"/>
    </row>
    <row r="2" spans="1:48" s="3" customFormat="1" ht="39.75" customHeight="1">
      <c r="A2" s="19"/>
      <c r="B2" s="19"/>
      <c r="C2" s="105"/>
      <c r="D2" s="140"/>
      <c r="E2" s="102"/>
      <c r="F2" s="105"/>
      <c r="G2" s="22"/>
      <c r="H2" s="111" t="s">
        <v>101</v>
      </c>
      <c r="I2" s="111" t="s">
        <v>101</v>
      </c>
      <c r="J2" s="111" t="s">
        <v>101</v>
      </c>
      <c r="K2" s="111" t="s">
        <v>101</v>
      </c>
      <c r="L2" s="111" t="s">
        <v>101</v>
      </c>
      <c r="M2" s="111" t="s">
        <v>101</v>
      </c>
      <c r="N2" s="111" t="s">
        <v>101</v>
      </c>
      <c r="O2" s="111" t="s">
        <v>101</v>
      </c>
      <c r="P2" s="115" t="s">
        <v>116</v>
      </c>
      <c r="Q2" s="115" t="s">
        <v>100</v>
      </c>
      <c r="R2" s="119" t="s">
        <v>126</v>
      </c>
      <c r="S2" s="119" t="s">
        <v>132</v>
      </c>
      <c r="T2" s="119" t="s">
        <v>98</v>
      </c>
      <c r="U2" s="119" t="s">
        <v>99</v>
      </c>
      <c r="V2" s="126" t="s">
        <v>97</v>
      </c>
      <c r="W2" s="126" t="s">
        <v>126</v>
      </c>
      <c r="X2" s="126" t="s">
        <v>98</v>
      </c>
      <c r="Y2" s="126" t="s">
        <v>99</v>
      </c>
      <c r="Z2" s="126" t="s">
        <v>111</v>
      </c>
      <c r="AA2" s="123" t="s">
        <v>109</v>
      </c>
      <c r="AB2" s="123" t="s">
        <v>133</v>
      </c>
      <c r="AC2" s="123" t="s">
        <v>134</v>
      </c>
      <c r="AD2" s="123" t="s">
        <v>135</v>
      </c>
      <c r="AE2" s="123" t="s">
        <v>113</v>
      </c>
      <c r="AF2" s="107" t="s">
        <v>110</v>
      </c>
      <c r="AG2" s="107" t="s">
        <v>112</v>
      </c>
      <c r="AH2" s="107" t="s">
        <v>97</v>
      </c>
      <c r="AI2" s="107" t="s">
        <v>131</v>
      </c>
      <c r="AJ2" s="107" t="s">
        <v>117</v>
      </c>
      <c r="AK2" s="116"/>
      <c r="AL2" s="129"/>
      <c r="AM2" s="129"/>
      <c r="AN2" s="119" t="s">
        <v>119</v>
      </c>
      <c r="AO2" s="119" t="s">
        <v>120</v>
      </c>
      <c r="AP2" s="119" t="s">
        <v>121</v>
      </c>
      <c r="AQ2" s="119" t="s">
        <v>131</v>
      </c>
      <c r="AR2" s="119" t="s">
        <v>122</v>
      </c>
      <c r="AS2" s="119" t="s">
        <v>123</v>
      </c>
      <c r="AT2" s="119" t="s">
        <v>124</v>
      </c>
      <c r="AU2" s="26"/>
    </row>
    <row r="3" spans="1:48" s="3" customFormat="1" ht="39.75" customHeight="1">
      <c r="A3" s="19"/>
      <c r="B3" s="19"/>
      <c r="C3" s="105"/>
      <c r="D3" s="140"/>
      <c r="E3" s="102"/>
      <c r="F3" s="105"/>
      <c r="G3" s="22"/>
      <c r="H3" s="111" t="s">
        <v>102</v>
      </c>
      <c r="I3" s="111" t="s">
        <v>103</v>
      </c>
      <c r="J3" s="111" t="s">
        <v>115</v>
      </c>
      <c r="K3" s="111" t="s">
        <v>104</v>
      </c>
      <c r="L3" s="111" t="s">
        <v>105</v>
      </c>
      <c r="M3" s="111" t="s">
        <v>106</v>
      </c>
      <c r="N3" s="111" t="s">
        <v>107</v>
      </c>
      <c r="O3" s="111" t="s">
        <v>132</v>
      </c>
      <c r="P3" s="115"/>
      <c r="Q3" s="115"/>
      <c r="R3" s="119"/>
      <c r="S3" s="119"/>
      <c r="T3" s="119"/>
      <c r="U3" s="119"/>
      <c r="V3" s="126"/>
      <c r="W3" s="126"/>
      <c r="X3" s="126"/>
      <c r="Y3" s="126"/>
      <c r="Z3" s="126"/>
      <c r="AA3" s="123"/>
      <c r="AB3" s="123"/>
      <c r="AC3" s="123"/>
      <c r="AD3" s="123"/>
      <c r="AE3" s="123"/>
      <c r="AF3" s="107"/>
      <c r="AG3" s="107"/>
      <c r="AH3" s="107"/>
      <c r="AI3" s="107"/>
      <c r="AJ3" s="107"/>
      <c r="AK3" s="116"/>
      <c r="AL3" s="129"/>
      <c r="AM3" s="129"/>
      <c r="AN3" s="131"/>
      <c r="AO3" s="131"/>
      <c r="AP3" s="131"/>
      <c r="AQ3" s="131"/>
      <c r="AR3" s="131"/>
      <c r="AS3" s="131"/>
      <c r="AT3" s="131"/>
      <c r="AU3" s="26"/>
    </row>
    <row r="4" spans="1:48" s="3" customFormat="1" ht="112.2">
      <c r="A4" s="19"/>
      <c r="B4" s="102" t="s">
        <v>78</v>
      </c>
      <c r="C4" s="102" t="s">
        <v>316</v>
      </c>
      <c r="D4" s="102" t="s">
        <v>314</v>
      </c>
      <c r="E4" s="102" t="s">
        <v>55</v>
      </c>
      <c r="F4" s="102" t="s">
        <v>313</v>
      </c>
      <c r="G4" s="22"/>
      <c r="H4" s="134" t="str">
        <f>CONCATENATE(H1,"/ ",H2,"/ ",H3)</f>
        <v>Kosmetyki/ dermo-kosmetyki/ Pielęgnacja/ Balsamy, mleczka, olejki</v>
      </c>
      <c r="I4" s="134" t="str">
        <f t="shared" ref="I4:AT4" si="0">CONCATENATE(I1,"/ ",I2,"/ ",I3)</f>
        <v>Kosmetyki/ dermo-kosmetyki/ Pielęgnacja/ Preparaty nawilżające</v>
      </c>
      <c r="J4" s="134" t="str">
        <f t="shared" si="0"/>
        <v>Kosmetyki/ dermo-kosmetyki/ Pielęgnacja/ Preparaty ochronne</v>
      </c>
      <c r="K4" s="134" t="str">
        <f t="shared" si="0"/>
        <v>Kosmetyki/ dermo-kosmetyki/ Pielęgnacja/ Skóra podrażniona</v>
      </c>
      <c r="L4" s="134" t="str">
        <f t="shared" si="0"/>
        <v>Kosmetyki/ dermo-kosmetyki/ Pielęgnacja/ Skóra sucha</v>
      </c>
      <c r="M4" s="134" t="str">
        <f t="shared" si="0"/>
        <v>Kosmetyki/ dermo-kosmetyki/ Pielęgnacja/ Skóra wrażliwa i alergiczna</v>
      </c>
      <c r="N4" s="134" t="str">
        <f t="shared" si="0"/>
        <v>Kosmetyki/ dermo-kosmetyki/ Pielęgnacja/ Szampony</v>
      </c>
      <c r="O4" s="134" t="str">
        <f t="shared" si="0"/>
        <v>Kosmetyki/ dermo-kosmetyki/ Pielęgnacja/ Żele, emulsje, płyny, pianki do kąpieli / Do kąpieli i pod prysznic</v>
      </c>
      <c r="P4" s="135" t="str">
        <f t="shared" si="0"/>
        <v xml:space="preserve">Problemy skórne/ Rany, owrzodzenia, odleżyny, podrażnienia/ </v>
      </c>
      <c r="Q4" s="135" t="str">
        <f t="shared" si="0"/>
        <v xml:space="preserve">Problemy skórne/ Stany zapalne skóry/ </v>
      </c>
      <c r="R4" s="136" t="str">
        <f t="shared" si="0"/>
        <v xml:space="preserve">Higiena/ Artykuły higieniczne/ Chusteczki/ Mokre chusteczki/ Chusteczki nasączone/ </v>
      </c>
      <c r="S4" s="136" t="str">
        <f t="shared" si="0"/>
        <v xml:space="preserve">Higiena/ Artykuły higieniczne/ Żele, emulsje, płyny, pianki do kąpieli / Do kąpieli i pod prysznic/ </v>
      </c>
      <c r="T4" s="136" t="str">
        <f t="shared" si="0"/>
        <v xml:space="preserve">Higiena/ Artykuły higieniczne/ Podkłady higieniczne/ </v>
      </c>
      <c r="U4" s="136" t="str">
        <f t="shared" si="0"/>
        <v xml:space="preserve">Higiena/ Artykuły higieniczne/ Podpaski, tampony, wkładki/ </v>
      </c>
      <c r="V4" s="137" t="str">
        <f t="shared" si="0"/>
        <v xml:space="preserve">Środki opatrunkowe i higeniczne/ Pieluchy dla dorosłych/ </v>
      </c>
      <c r="W4" s="137" t="str">
        <f t="shared" si="0"/>
        <v xml:space="preserve">Środki opatrunkowe i higeniczne/ Chusteczki/ Mokre chusteczki/ Chusteczki nasączone/ </v>
      </c>
      <c r="X4" s="137" t="str">
        <f t="shared" si="0"/>
        <v xml:space="preserve">Środki opatrunkowe i higeniczne/ Podkłady higieniczne/ </v>
      </c>
      <c r="Y4" s="137" t="str">
        <f t="shared" si="0"/>
        <v xml:space="preserve">Środki opatrunkowe i higeniczne/ Podpaski, tampony, wkładki/ </v>
      </c>
      <c r="Z4" s="137" t="str">
        <f t="shared" si="0"/>
        <v xml:space="preserve">Środki opatrunkowe i higeniczne/ Wkładki higieniczne/ </v>
      </c>
      <c r="AA4" s="138" t="str">
        <f t="shared" si="0"/>
        <v xml:space="preserve">Ciąża i dziecko/ Mama i dziecko/ Wyprawka do szpitala/ </v>
      </c>
      <c r="AB4" s="138" t="str">
        <f t="shared" si="0"/>
        <v xml:space="preserve">Ciąża i dziecko/ Mama i dziecko/ Kremy i maści/ </v>
      </c>
      <c r="AC4" s="138" t="str">
        <f t="shared" si="0"/>
        <v xml:space="preserve">Ciąża i dziecko/ Mama i dziecko/ Majtki i wkładki poporodowe/ </v>
      </c>
      <c r="AD4" s="138" t="str">
        <f t="shared" si="0"/>
        <v xml:space="preserve">Ciąża i dziecko/ Mama i dziecko/ Pieluszki, majteczki, (podkłady)/ </v>
      </c>
      <c r="AE4" s="138" t="str">
        <f t="shared" si="0"/>
        <v xml:space="preserve">Drogi moczowe/ nietrzymanie moczu/ Wkładki anatomiczne/ </v>
      </c>
      <c r="AF4" s="139" t="str">
        <f t="shared" si="0"/>
        <v xml:space="preserve">Drogi moczowe/ nietrzymanie moczu/ Wkładki urologiczne/ </v>
      </c>
      <c r="AG4" s="139" t="str">
        <f t="shared" si="0"/>
        <v xml:space="preserve">Drogi moczowe/ nietrzymanie moczu/ Pieluchomajtki/ </v>
      </c>
      <c r="AH4" s="139" t="str">
        <f t="shared" si="0"/>
        <v xml:space="preserve">Drogi moczowe/ nietrzymanie moczu/ Pieluchy dla dorosłych/ </v>
      </c>
      <c r="AI4" s="139" t="str">
        <f t="shared" si="0"/>
        <v xml:space="preserve">Drogi moczowe/ nietrzymanie moczu/ Podkłady nieprzemakalne/ Prześcieradła/ </v>
      </c>
      <c r="AJ4" s="139" t="str">
        <f t="shared" si="0"/>
        <v xml:space="preserve">Drogi moczowe/ nietrzymanie moczu/ Majtki chłonne/ </v>
      </c>
      <c r="AK4" s="135" t="str">
        <f t="shared" si="0"/>
        <v xml:space="preserve">Dla niego/ Mężczyzna/ / </v>
      </c>
      <c r="AL4" s="135" t="str">
        <f t="shared" si="0"/>
        <v xml:space="preserve">Dla niej/ Kobieta/ / </v>
      </c>
      <c r="AM4" s="135" t="str">
        <f t="shared" si="0"/>
        <v xml:space="preserve">Akcesoria/ / </v>
      </c>
      <c r="AN4" s="136" t="str">
        <f t="shared" si="0"/>
        <v xml:space="preserve">Sklep rehabilitacyjny/ Opatrunki/ </v>
      </c>
      <c r="AO4" s="136" t="str">
        <f t="shared" si="0"/>
        <v xml:space="preserve">Sklep rehabilitacyjny/ Higiena i pielęgnacja chorych/ </v>
      </c>
      <c r="AP4" s="136" t="str">
        <f t="shared" si="0"/>
        <v xml:space="preserve">Sklep rehabilitacyjny/ Dla pacjenta leżącego/ </v>
      </c>
      <c r="AQ4" s="136" t="str">
        <f t="shared" si="0"/>
        <v xml:space="preserve">Sklep rehabilitacyjny/ Podkłady nieprzemakalne/ Prześcieradła/ </v>
      </c>
      <c r="AR4" s="136" t="str">
        <f t="shared" si="0"/>
        <v xml:space="preserve">Sklep rehabilitacyjny/ Artykuły medyczne i rehabilitacyjne/ </v>
      </c>
      <c r="AS4" s="136" t="str">
        <f t="shared" si="0"/>
        <v xml:space="preserve">Sklep rehabilitacyjny/ Akcesoria dla osób starszych i niepełnosprawnych/ </v>
      </c>
      <c r="AT4" s="136" t="str">
        <f t="shared" si="0"/>
        <v xml:space="preserve">Sklep rehabilitacyjny/ Apteczki i materiały opatrunkowe/ </v>
      </c>
      <c r="AU4" s="26"/>
    </row>
    <row r="5" spans="1:48" s="2" customFormat="1" ht="13.5" customHeight="1">
      <c r="A5" s="9"/>
      <c r="B5" s="9" t="s">
        <v>242</v>
      </c>
      <c r="C5" s="5">
        <v>1</v>
      </c>
      <c r="D5" s="7">
        <v>14</v>
      </c>
      <c r="E5" s="7">
        <v>757038</v>
      </c>
      <c r="F5" s="6" t="s">
        <v>14</v>
      </c>
      <c r="G5" s="23"/>
      <c r="H5" s="112" t="str">
        <f>SUBSTITUTE(Categorization!H5,"x",'Categorization (2)'!H$4)</f>
        <v/>
      </c>
      <c r="I5" s="112" t="str">
        <f>SUBSTITUTE(Categorization!I5,"x",'Categorization (2)'!I$4)</f>
        <v/>
      </c>
      <c r="J5" s="112" t="str">
        <f>SUBSTITUTE(Categorization!J5,"x",'Categorization (2)'!J$4)</f>
        <v/>
      </c>
      <c r="K5" s="112" t="str">
        <f>SUBSTITUTE(Categorization!K5,"x",'Categorization (2)'!K$4)</f>
        <v/>
      </c>
      <c r="L5" s="112" t="str">
        <f>SUBSTITUTE(Categorization!L5,"x",'Categorization (2)'!L$4)</f>
        <v/>
      </c>
      <c r="M5" s="112" t="str">
        <f>SUBSTITUTE(Categorization!M5,"x",'Categorization (2)'!M$4)</f>
        <v/>
      </c>
      <c r="N5" s="112" t="str">
        <f>SUBSTITUTE(Categorization!N5,"x",'Categorization (2)'!N$4)</f>
        <v/>
      </c>
      <c r="O5" s="112" t="str">
        <f>SUBSTITUTE(Categorization!O5,"x",'Categorization (2)'!O$4)</f>
        <v/>
      </c>
      <c r="P5" s="116" t="str">
        <f>SUBSTITUTE(Categorization!P5,"x",'Categorization (2)'!P$4)</f>
        <v/>
      </c>
      <c r="Q5" s="116" t="str">
        <f>SUBSTITUTE(Categorization!Q5,"x",'Categorization (2)'!Q$4)</f>
        <v/>
      </c>
      <c r="R5" s="120" t="str">
        <f>SUBSTITUTE(Categorization!R5,"x",'Categorization (2)'!R$4)</f>
        <v/>
      </c>
      <c r="S5" s="120" t="str">
        <f>SUBSTITUTE(Categorization!S5,"x",'Categorization (2)'!S$4)</f>
        <v/>
      </c>
      <c r="T5" s="120" t="str">
        <f>SUBSTITUTE(Categorization!T5,"x",'Categorization (2)'!T$4)</f>
        <v xml:space="preserve">Higiena/ Artykuły higieniczne/ Podkłady higieniczne/ </v>
      </c>
      <c r="U5" s="120" t="str">
        <f>SUBSTITUTE(Categorization!U5,"x",'Categorization (2)'!U$4)</f>
        <v xml:space="preserve">Higiena/ Artykuły higieniczne/ Podpaski, tampony, wkładki/ </v>
      </c>
      <c r="V5" s="127" t="str">
        <f>SUBSTITUTE(Categorization!V5,"x",'Categorization (2)'!V$4)</f>
        <v/>
      </c>
      <c r="W5" s="127" t="str">
        <f>SUBSTITUTE(Categorization!W5,"x",'Categorization (2)'!W$4)</f>
        <v/>
      </c>
      <c r="X5" s="127" t="str">
        <f>SUBSTITUTE(Categorization!X5,"x",'Categorization (2)'!X$4)</f>
        <v/>
      </c>
      <c r="Y5" s="127" t="str">
        <f>SUBSTITUTE(Categorization!Y5,"x",'Categorization (2)'!Y$4)</f>
        <v xml:space="preserve">Środki opatrunkowe i higeniczne/ Podpaski, tampony, wkładki/ </v>
      </c>
      <c r="Z5" s="127" t="str">
        <f>SUBSTITUTE(Categorization!Z5,"x",'Categorization (2)'!Z$4)</f>
        <v xml:space="preserve">Środki opatrunkowe i higeniczne/ Wkładki higieniczne/ </v>
      </c>
      <c r="AA5" s="124" t="str">
        <f>SUBSTITUTE(Categorization!AA5,"x",'Categorization (2)'!AA$4)</f>
        <v/>
      </c>
      <c r="AB5" s="124" t="str">
        <f>SUBSTITUTE(Categorization!AB5,"x",'Categorization (2)'!AB$4)</f>
        <v/>
      </c>
      <c r="AC5" s="124" t="str">
        <f>SUBSTITUTE(Categorization!AC5,"x",'Categorization (2)'!AC$4)</f>
        <v xml:space="preserve">Ciąża i dziecko/ Mama i dziecko/ Majtki i wkładki poporodowe/ </v>
      </c>
      <c r="AD5" s="124" t="str">
        <f>SUBSTITUTE(Categorization!AD5,"x",'Categorization (2)'!AD$4)</f>
        <v xml:space="preserve">Ciąża i dziecko/ Mama i dziecko/ Pieluszki, majteczki, (podkłady)/ </v>
      </c>
      <c r="AE5" s="124" t="str">
        <f>SUBSTITUTE(Categorization!AE5,"x",'Categorization (2)'!AE$4)</f>
        <v xml:space="preserve">Drogi moczowe/ nietrzymanie moczu/ Wkładki anatomiczne/ </v>
      </c>
      <c r="AF5" s="108" t="str">
        <f>SUBSTITUTE(Categorization!AF5,"x",'Categorization (2)'!AF$4)</f>
        <v xml:space="preserve">Drogi moczowe/ nietrzymanie moczu/ Wkładki urologiczne/ </v>
      </c>
      <c r="AG5" s="108" t="str">
        <f>SUBSTITUTE(Categorization!AG5,"x",'Categorization (2)'!AG$4)</f>
        <v/>
      </c>
      <c r="AH5" s="108" t="str">
        <f>SUBSTITUTE(Categorization!AH5,"x",'Categorization (2)'!AH$4)</f>
        <v/>
      </c>
      <c r="AI5" s="108" t="str">
        <f>SUBSTITUTE(Categorization!AI5,"x",'Categorization (2)'!AI$4)</f>
        <v xml:space="preserve">Drogi moczowe/ nietrzymanie moczu/ Podkłady nieprzemakalne/ Prześcieradła/ </v>
      </c>
      <c r="AJ5" s="108" t="str">
        <f>SUBSTITUTE(Categorization!AJ5,"x",'Categorization (2)'!AJ$4)</f>
        <v/>
      </c>
      <c r="AK5" s="116" t="str">
        <f>SUBSTITUTE(Categorization!AK5,"x",'Categorization (2)'!AK$4)</f>
        <v/>
      </c>
      <c r="AL5" s="116" t="str">
        <f>SUBSTITUTE(Categorization!AL5,"x",'Categorization (2)'!AL$4)</f>
        <v xml:space="preserve">Dla niej/ Kobieta/ / </v>
      </c>
      <c r="AM5" s="129" t="str">
        <f>SUBSTITUTE(Categorization!AM5,"x",'Categorization (2)'!AM$4)</f>
        <v/>
      </c>
      <c r="AN5" s="131" t="str">
        <f>SUBSTITUTE(Categorization!AN5,"x",'Categorization (2)'!AN$4)</f>
        <v/>
      </c>
      <c r="AO5" s="120" t="str">
        <f>SUBSTITUTE(Categorization!AO5,"x",'Categorization (2)'!AO$4)</f>
        <v xml:space="preserve">Sklep rehabilitacyjny/ Higiena i pielęgnacja chorych/ </v>
      </c>
      <c r="AP5" s="131" t="str">
        <f>SUBSTITUTE(Categorization!AP5,"x",'Categorization (2)'!AP$4)</f>
        <v/>
      </c>
      <c r="AQ5" s="131" t="str">
        <f>SUBSTITUTE(Categorization!AQ5,"x",'Categorization (2)'!AQ$4)</f>
        <v/>
      </c>
      <c r="AR5" s="131" t="str">
        <f>SUBSTITUTE(Categorization!AR5,"x",'Categorization (2)'!AR$4)</f>
        <v/>
      </c>
      <c r="AS5" s="131" t="str">
        <f>SUBSTITUTE(Categorization!AS5,"x",'Categorization (2)'!AS$4)</f>
        <v/>
      </c>
      <c r="AT5" s="131" t="str">
        <f>SUBSTITUTE(Categorization!AT5,"x",'Categorization (2)'!AT$4)</f>
        <v/>
      </c>
      <c r="AU5" s="103"/>
      <c r="AV5" s="97"/>
    </row>
    <row r="6" spans="1:48" s="2" customFormat="1" ht="13.5" customHeight="1">
      <c r="A6" s="9"/>
      <c r="B6" s="9" t="s">
        <v>242</v>
      </c>
      <c r="C6" s="5">
        <v>2</v>
      </c>
      <c r="D6" s="11">
        <v>28</v>
      </c>
      <c r="E6" s="11">
        <v>761130</v>
      </c>
      <c r="F6" s="10" t="s">
        <v>14</v>
      </c>
      <c r="G6" s="23"/>
      <c r="H6" s="112" t="str">
        <f>SUBSTITUTE(Categorization!H6,"x",'Categorization (2)'!H$4)</f>
        <v/>
      </c>
      <c r="I6" s="112" t="str">
        <f>SUBSTITUTE(Categorization!I6,"x",'Categorization (2)'!I$4)</f>
        <v/>
      </c>
      <c r="J6" s="112" t="str">
        <f>SUBSTITUTE(Categorization!J6,"x",'Categorization (2)'!J$4)</f>
        <v/>
      </c>
      <c r="K6" s="112" t="str">
        <f>SUBSTITUTE(Categorization!K6,"x",'Categorization (2)'!K$4)</f>
        <v/>
      </c>
      <c r="L6" s="112" t="str">
        <f>SUBSTITUTE(Categorization!L6,"x",'Categorization (2)'!L$4)</f>
        <v/>
      </c>
      <c r="M6" s="112" t="str">
        <f>SUBSTITUTE(Categorization!M6,"x",'Categorization (2)'!M$4)</f>
        <v/>
      </c>
      <c r="N6" s="112" t="str">
        <f>SUBSTITUTE(Categorization!N6,"x",'Categorization (2)'!N$4)</f>
        <v/>
      </c>
      <c r="O6" s="112" t="str">
        <f>SUBSTITUTE(Categorization!O6,"x",'Categorization (2)'!O$4)</f>
        <v/>
      </c>
      <c r="P6" s="116" t="str">
        <f>SUBSTITUTE(Categorization!P6,"x",'Categorization (2)'!P$4)</f>
        <v/>
      </c>
      <c r="Q6" s="116" t="str">
        <f>SUBSTITUTE(Categorization!Q6,"x",'Categorization (2)'!Q$4)</f>
        <v/>
      </c>
      <c r="R6" s="120" t="str">
        <f>SUBSTITUTE(Categorization!R6,"x",'Categorization (2)'!R$4)</f>
        <v/>
      </c>
      <c r="S6" s="120" t="str">
        <f>SUBSTITUTE(Categorization!S6,"x",'Categorization (2)'!S$4)</f>
        <v/>
      </c>
      <c r="T6" s="120" t="str">
        <f>SUBSTITUTE(Categorization!T6,"x",'Categorization (2)'!T$4)</f>
        <v xml:space="preserve">Higiena/ Artykuły higieniczne/ Podkłady higieniczne/ </v>
      </c>
      <c r="U6" s="120" t="str">
        <f>SUBSTITUTE(Categorization!U6,"x",'Categorization (2)'!U$4)</f>
        <v xml:space="preserve">Higiena/ Artykuły higieniczne/ Podpaski, tampony, wkładki/ </v>
      </c>
      <c r="V6" s="127" t="str">
        <f>SUBSTITUTE(Categorization!V6,"x",'Categorization (2)'!V$4)</f>
        <v/>
      </c>
      <c r="W6" s="127" t="str">
        <f>SUBSTITUTE(Categorization!W6,"x",'Categorization (2)'!W$4)</f>
        <v/>
      </c>
      <c r="X6" s="127" t="str">
        <f>SUBSTITUTE(Categorization!X6,"x",'Categorization (2)'!X$4)</f>
        <v/>
      </c>
      <c r="Y6" s="127" t="str">
        <f>SUBSTITUTE(Categorization!Y6,"x",'Categorization (2)'!Y$4)</f>
        <v xml:space="preserve">Środki opatrunkowe i higeniczne/ Podpaski, tampony, wkładki/ </v>
      </c>
      <c r="Z6" s="127" t="str">
        <f>SUBSTITUTE(Categorization!Z6,"x",'Categorization (2)'!Z$4)</f>
        <v xml:space="preserve">Środki opatrunkowe i higeniczne/ Wkładki higieniczne/ </v>
      </c>
      <c r="AA6" s="124" t="str">
        <f>SUBSTITUTE(Categorization!AA6,"x",'Categorization (2)'!AA$4)</f>
        <v/>
      </c>
      <c r="AB6" s="124" t="str">
        <f>SUBSTITUTE(Categorization!AB6,"x",'Categorization (2)'!AB$4)</f>
        <v/>
      </c>
      <c r="AC6" s="124" t="str">
        <f>SUBSTITUTE(Categorization!AC6,"x",'Categorization (2)'!AC$4)</f>
        <v xml:space="preserve">Ciąża i dziecko/ Mama i dziecko/ Majtki i wkładki poporodowe/ </v>
      </c>
      <c r="AD6" s="124" t="str">
        <f>SUBSTITUTE(Categorization!AD6,"x",'Categorization (2)'!AD$4)</f>
        <v xml:space="preserve">Ciąża i dziecko/ Mama i dziecko/ Pieluszki, majteczki, (podkłady)/ </v>
      </c>
      <c r="AE6" s="124" t="str">
        <f>SUBSTITUTE(Categorization!AE6,"x",'Categorization (2)'!AE$4)</f>
        <v xml:space="preserve">Drogi moczowe/ nietrzymanie moczu/ Wkładki anatomiczne/ </v>
      </c>
      <c r="AF6" s="108" t="str">
        <f>SUBSTITUTE(Categorization!AF6,"x",'Categorization (2)'!AF$4)</f>
        <v xml:space="preserve">Drogi moczowe/ nietrzymanie moczu/ Wkładki urologiczne/ </v>
      </c>
      <c r="AG6" s="108" t="str">
        <f>SUBSTITUTE(Categorization!AG6,"x",'Categorization (2)'!AG$4)</f>
        <v/>
      </c>
      <c r="AH6" s="108" t="str">
        <f>SUBSTITUTE(Categorization!AH6,"x",'Categorization (2)'!AH$4)</f>
        <v/>
      </c>
      <c r="AI6" s="108" t="str">
        <f>SUBSTITUTE(Categorization!AI6,"x",'Categorization (2)'!AI$4)</f>
        <v xml:space="preserve">Drogi moczowe/ nietrzymanie moczu/ Podkłady nieprzemakalne/ Prześcieradła/ </v>
      </c>
      <c r="AJ6" s="108" t="str">
        <f>SUBSTITUTE(Categorization!AJ6,"x",'Categorization (2)'!AJ$4)</f>
        <v/>
      </c>
      <c r="AK6" s="116" t="str">
        <f>SUBSTITUTE(Categorization!AK6,"x",'Categorization (2)'!AK$4)</f>
        <v/>
      </c>
      <c r="AL6" s="116" t="str">
        <f>SUBSTITUTE(Categorization!AL6,"x",'Categorization (2)'!AL$4)</f>
        <v xml:space="preserve">Dla niej/ Kobieta/ / </v>
      </c>
      <c r="AM6" s="129" t="str">
        <f>SUBSTITUTE(Categorization!AM6,"x",'Categorization (2)'!AM$4)</f>
        <v/>
      </c>
      <c r="AN6" s="131" t="str">
        <f>SUBSTITUTE(Categorization!AN6,"x",'Categorization (2)'!AN$4)</f>
        <v/>
      </c>
      <c r="AO6" s="120" t="str">
        <f>SUBSTITUTE(Categorization!AO6,"x",'Categorization (2)'!AO$4)</f>
        <v xml:space="preserve">Sklep rehabilitacyjny/ Higiena i pielęgnacja chorych/ </v>
      </c>
      <c r="AP6" s="131" t="str">
        <f>SUBSTITUTE(Categorization!AP6,"x",'Categorization (2)'!AP$4)</f>
        <v/>
      </c>
      <c r="AQ6" s="131" t="str">
        <f>SUBSTITUTE(Categorization!AQ6,"x",'Categorization (2)'!AQ$4)</f>
        <v/>
      </c>
      <c r="AR6" s="131" t="str">
        <f>SUBSTITUTE(Categorization!AR6,"x",'Categorization (2)'!AR$4)</f>
        <v/>
      </c>
      <c r="AS6" s="131" t="str">
        <f>SUBSTITUTE(Categorization!AS6,"x",'Categorization (2)'!AS$4)</f>
        <v/>
      </c>
      <c r="AT6" s="131" t="str">
        <f>SUBSTITUTE(Categorization!AT6,"x",'Categorization (2)'!AT$4)</f>
        <v/>
      </c>
      <c r="AU6" s="103"/>
      <c r="AV6" s="97"/>
    </row>
    <row r="7" spans="1:48" s="2" customFormat="1" ht="13.5" customHeight="1">
      <c r="A7" s="9"/>
      <c r="B7" s="9" t="s">
        <v>242</v>
      </c>
      <c r="C7" s="5">
        <v>3</v>
      </c>
      <c r="D7" s="11">
        <v>10</v>
      </c>
      <c r="E7" s="11">
        <v>757138</v>
      </c>
      <c r="F7" s="10" t="s">
        <v>1</v>
      </c>
      <c r="G7" s="23"/>
      <c r="H7" s="112" t="str">
        <f>SUBSTITUTE(Categorization!H7,"x",'Categorization (2)'!H$4)</f>
        <v/>
      </c>
      <c r="I7" s="112" t="str">
        <f>SUBSTITUTE(Categorization!I7,"x",'Categorization (2)'!I$4)</f>
        <v/>
      </c>
      <c r="J7" s="112" t="str">
        <f>SUBSTITUTE(Categorization!J7,"x",'Categorization (2)'!J$4)</f>
        <v/>
      </c>
      <c r="K7" s="112" t="str">
        <f>SUBSTITUTE(Categorization!K7,"x",'Categorization (2)'!K$4)</f>
        <v/>
      </c>
      <c r="L7" s="112" t="str">
        <f>SUBSTITUTE(Categorization!L7,"x",'Categorization (2)'!L$4)</f>
        <v/>
      </c>
      <c r="M7" s="112" t="str">
        <f>SUBSTITUTE(Categorization!M7,"x",'Categorization (2)'!M$4)</f>
        <v/>
      </c>
      <c r="N7" s="112" t="str">
        <f>SUBSTITUTE(Categorization!N7,"x",'Categorization (2)'!N$4)</f>
        <v/>
      </c>
      <c r="O7" s="112" t="str">
        <f>SUBSTITUTE(Categorization!O7,"x",'Categorization (2)'!O$4)</f>
        <v/>
      </c>
      <c r="P7" s="116" t="str">
        <f>SUBSTITUTE(Categorization!P7,"x",'Categorization (2)'!P$4)</f>
        <v/>
      </c>
      <c r="Q7" s="116" t="str">
        <f>SUBSTITUTE(Categorization!Q7,"x",'Categorization (2)'!Q$4)</f>
        <v/>
      </c>
      <c r="R7" s="120" t="str">
        <f>SUBSTITUTE(Categorization!R7,"x",'Categorization (2)'!R$4)</f>
        <v/>
      </c>
      <c r="S7" s="120" t="str">
        <f>SUBSTITUTE(Categorization!S7,"x",'Categorization (2)'!S$4)</f>
        <v/>
      </c>
      <c r="T7" s="120" t="str">
        <f>SUBSTITUTE(Categorization!T7,"x",'Categorization (2)'!T$4)</f>
        <v/>
      </c>
      <c r="U7" s="120" t="str">
        <f>SUBSTITUTE(Categorization!U7,"x",'Categorization (2)'!U$4)</f>
        <v/>
      </c>
      <c r="V7" s="127" t="str">
        <f>SUBSTITUTE(Categorization!V7,"x",'Categorization (2)'!V$4)</f>
        <v/>
      </c>
      <c r="W7" s="127" t="str">
        <f>SUBSTITUTE(Categorization!W7,"x",'Categorization (2)'!W$4)</f>
        <v/>
      </c>
      <c r="X7" s="127" t="str">
        <f>SUBSTITUTE(Categorization!X7,"x",'Categorization (2)'!X$4)</f>
        <v/>
      </c>
      <c r="Y7" s="127" t="str">
        <f>SUBSTITUTE(Categorization!Y7,"x",'Categorization (2)'!Y$4)</f>
        <v/>
      </c>
      <c r="Z7" s="127" t="str">
        <f>SUBSTITUTE(Categorization!Z7,"x",'Categorization (2)'!Z$4)</f>
        <v/>
      </c>
      <c r="AA7" s="124" t="str">
        <f>SUBSTITUTE(Categorization!AA7,"x",'Categorization (2)'!AA$4)</f>
        <v/>
      </c>
      <c r="AB7" s="124" t="str">
        <f>SUBSTITUTE(Categorization!AB7,"x",'Categorization (2)'!AB$4)</f>
        <v/>
      </c>
      <c r="AC7" s="124" t="str">
        <f>SUBSTITUTE(Categorization!AC7,"x",'Categorization (2)'!AC$4)</f>
        <v/>
      </c>
      <c r="AD7" s="124" t="str">
        <f>SUBSTITUTE(Categorization!AD7,"x",'Categorization (2)'!AD$4)</f>
        <v/>
      </c>
      <c r="AE7" s="124" t="str">
        <f>SUBSTITUTE(Categorization!AE7,"x",'Categorization (2)'!AE$4)</f>
        <v/>
      </c>
      <c r="AF7" s="108" t="str">
        <f>SUBSTITUTE(Categorization!AF7,"x",'Categorization (2)'!AF$4)</f>
        <v/>
      </c>
      <c r="AG7" s="108" t="str">
        <f>SUBSTITUTE(Categorization!AG7,"x",'Categorization (2)'!AG$4)</f>
        <v/>
      </c>
      <c r="AH7" s="108" t="str">
        <f>SUBSTITUTE(Categorization!AH7,"x",'Categorization (2)'!AH$4)</f>
        <v/>
      </c>
      <c r="AI7" s="108" t="str">
        <f>SUBSTITUTE(Categorization!AI7,"x",'Categorization (2)'!AI$4)</f>
        <v/>
      </c>
      <c r="AJ7" s="108" t="str">
        <f>SUBSTITUTE(Categorization!AJ7,"x",'Categorization (2)'!AJ$4)</f>
        <v/>
      </c>
      <c r="AK7" s="116" t="str">
        <f>SUBSTITUTE(Categorization!AK7,"x",'Categorization (2)'!AK$4)</f>
        <v/>
      </c>
      <c r="AL7" s="129" t="str">
        <f>SUBSTITUTE(Categorization!AL7,"x",'Categorization (2)'!AL$4)</f>
        <v/>
      </c>
      <c r="AM7" s="129" t="str">
        <f>SUBSTITUTE(Categorization!AM7,"x",'Categorization (2)'!AM$4)</f>
        <v/>
      </c>
      <c r="AN7" s="131" t="str">
        <f>SUBSTITUTE(Categorization!AN7,"x",'Categorization (2)'!AN$4)</f>
        <v/>
      </c>
      <c r="AO7" s="131" t="str">
        <f>SUBSTITUTE(Categorization!AO7,"x",'Categorization (2)'!AO$4)</f>
        <v/>
      </c>
      <c r="AP7" s="131" t="str">
        <f>SUBSTITUTE(Categorization!AP7,"x",'Categorization (2)'!AP$4)</f>
        <v/>
      </c>
      <c r="AQ7" s="131" t="str">
        <f>SUBSTITUTE(Categorization!AQ7,"x",'Categorization (2)'!AQ$4)</f>
        <v/>
      </c>
      <c r="AR7" s="131" t="str">
        <f>SUBSTITUTE(Categorization!AR7,"x",'Categorization (2)'!AR$4)</f>
        <v/>
      </c>
      <c r="AS7" s="131" t="str">
        <f>SUBSTITUTE(Categorization!AS7,"x",'Categorization (2)'!AS$4)</f>
        <v/>
      </c>
      <c r="AT7" s="131" t="str">
        <f>SUBSTITUTE(Categorization!AT7,"x",'Categorization (2)'!AT$4)</f>
        <v/>
      </c>
      <c r="AU7" s="103"/>
      <c r="AV7" s="97"/>
    </row>
    <row r="8" spans="1:48" s="2" customFormat="1" ht="13.5" customHeight="1">
      <c r="A8" s="9"/>
      <c r="B8" s="9" t="s">
        <v>242</v>
      </c>
      <c r="C8" s="5">
        <v>4</v>
      </c>
      <c r="D8" s="11">
        <v>20</v>
      </c>
      <c r="E8" s="11">
        <v>760210</v>
      </c>
      <c r="F8" s="10" t="s">
        <v>1</v>
      </c>
      <c r="G8" s="23"/>
      <c r="H8" s="112" t="str">
        <f>SUBSTITUTE(Categorization!H8,"x",'Categorization (2)'!H$4)</f>
        <v/>
      </c>
      <c r="I8" s="112" t="str">
        <f>SUBSTITUTE(Categorization!I8,"x",'Categorization (2)'!I$4)</f>
        <v/>
      </c>
      <c r="J8" s="112" t="str">
        <f>SUBSTITUTE(Categorization!J8,"x",'Categorization (2)'!J$4)</f>
        <v/>
      </c>
      <c r="K8" s="112" t="str">
        <f>SUBSTITUTE(Categorization!K8,"x",'Categorization (2)'!K$4)</f>
        <v/>
      </c>
      <c r="L8" s="112" t="str">
        <f>SUBSTITUTE(Categorization!L8,"x",'Categorization (2)'!L$4)</f>
        <v/>
      </c>
      <c r="M8" s="112" t="str">
        <f>SUBSTITUTE(Categorization!M8,"x",'Categorization (2)'!M$4)</f>
        <v/>
      </c>
      <c r="N8" s="112" t="str">
        <f>SUBSTITUTE(Categorization!N8,"x",'Categorization (2)'!N$4)</f>
        <v/>
      </c>
      <c r="O8" s="112" t="str">
        <f>SUBSTITUTE(Categorization!O8,"x",'Categorization (2)'!O$4)</f>
        <v/>
      </c>
      <c r="P8" s="116" t="str">
        <f>SUBSTITUTE(Categorization!P8,"x",'Categorization (2)'!P$4)</f>
        <v/>
      </c>
      <c r="Q8" s="116" t="str">
        <f>SUBSTITUTE(Categorization!Q8,"x",'Categorization (2)'!Q$4)</f>
        <v/>
      </c>
      <c r="R8" s="120" t="str">
        <f>SUBSTITUTE(Categorization!R8,"x",'Categorization (2)'!R$4)</f>
        <v/>
      </c>
      <c r="S8" s="120" t="str">
        <f>SUBSTITUTE(Categorization!S8,"x",'Categorization (2)'!S$4)</f>
        <v/>
      </c>
      <c r="T8" s="120" t="str">
        <f>SUBSTITUTE(Categorization!T8,"x",'Categorization (2)'!T$4)</f>
        <v/>
      </c>
      <c r="U8" s="120" t="str">
        <f>SUBSTITUTE(Categorization!U8,"x",'Categorization (2)'!U$4)</f>
        <v/>
      </c>
      <c r="V8" s="127" t="str">
        <f>SUBSTITUTE(Categorization!V8,"x",'Categorization (2)'!V$4)</f>
        <v/>
      </c>
      <c r="W8" s="127" t="str">
        <f>SUBSTITUTE(Categorization!W8,"x",'Categorization (2)'!W$4)</f>
        <v/>
      </c>
      <c r="X8" s="127" t="str">
        <f>SUBSTITUTE(Categorization!X8,"x",'Categorization (2)'!X$4)</f>
        <v/>
      </c>
      <c r="Y8" s="127" t="str">
        <f>SUBSTITUTE(Categorization!Y8,"x",'Categorization (2)'!Y$4)</f>
        <v/>
      </c>
      <c r="Z8" s="127" t="str">
        <f>SUBSTITUTE(Categorization!Z8,"x",'Categorization (2)'!Z$4)</f>
        <v/>
      </c>
      <c r="AA8" s="124" t="str">
        <f>SUBSTITUTE(Categorization!AA8,"x",'Categorization (2)'!AA$4)</f>
        <v/>
      </c>
      <c r="AB8" s="124" t="str">
        <f>SUBSTITUTE(Categorization!AB8,"x",'Categorization (2)'!AB$4)</f>
        <v/>
      </c>
      <c r="AC8" s="124" t="str">
        <f>SUBSTITUTE(Categorization!AC8,"x",'Categorization (2)'!AC$4)</f>
        <v/>
      </c>
      <c r="AD8" s="124" t="str">
        <f>SUBSTITUTE(Categorization!AD8,"x",'Categorization (2)'!AD$4)</f>
        <v/>
      </c>
      <c r="AE8" s="124" t="str">
        <f>SUBSTITUTE(Categorization!AE8,"x",'Categorization (2)'!AE$4)</f>
        <v/>
      </c>
      <c r="AF8" s="108" t="str">
        <f>SUBSTITUTE(Categorization!AF8,"x",'Categorization (2)'!AF$4)</f>
        <v/>
      </c>
      <c r="AG8" s="108" t="str">
        <f>SUBSTITUTE(Categorization!AG8,"x",'Categorization (2)'!AG$4)</f>
        <v/>
      </c>
      <c r="AH8" s="108" t="str">
        <f>SUBSTITUTE(Categorization!AH8,"x",'Categorization (2)'!AH$4)</f>
        <v/>
      </c>
      <c r="AI8" s="108" t="str">
        <f>SUBSTITUTE(Categorization!AI8,"x",'Categorization (2)'!AI$4)</f>
        <v/>
      </c>
      <c r="AJ8" s="108" t="str">
        <f>SUBSTITUTE(Categorization!AJ8,"x",'Categorization (2)'!AJ$4)</f>
        <v/>
      </c>
      <c r="AK8" s="116" t="str">
        <f>SUBSTITUTE(Categorization!AK8,"x",'Categorization (2)'!AK$4)</f>
        <v/>
      </c>
      <c r="AL8" s="129" t="str">
        <f>SUBSTITUTE(Categorization!AL8,"x",'Categorization (2)'!AL$4)</f>
        <v/>
      </c>
      <c r="AM8" s="129" t="str">
        <f>SUBSTITUTE(Categorization!AM8,"x",'Categorization (2)'!AM$4)</f>
        <v/>
      </c>
      <c r="AN8" s="131" t="str">
        <f>SUBSTITUTE(Categorization!AN8,"x",'Categorization (2)'!AN$4)</f>
        <v/>
      </c>
      <c r="AO8" s="131" t="str">
        <f>SUBSTITUTE(Categorization!AO8,"x",'Categorization (2)'!AO$4)</f>
        <v/>
      </c>
      <c r="AP8" s="131" t="str">
        <f>SUBSTITUTE(Categorization!AP8,"x",'Categorization (2)'!AP$4)</f>
        <v/>
      </c>
      <c r="AQ8" s="131" t="str">
        <f>SUBSTITUTE(Categorization!AQ8,"x",'Categorization (2)'!AQ$4)</f>
        <v/>
      </c>
      <c r="AR8" s="131" t="str">
        <f>SUBSTITUTE(Categorization!AR8,"x",'Categorization (2)'!AR$4)</f>
        <v/>
      </c>
      <c r="AS8" s="131" t="str">
        <f>SUBSTITUTE(Categorization!AS8,"x",'Categorization (2)'!AS$4)</f>
        <v/>
      </c>
      <c r="AT8" s="131" t="str">
        <f>SUBSTITUTE(Categorization!AT8,"x",'Categorization (2)'!AT$4)</f>
        <v/>
      </c>
      <c r="AU8" s="103"/>
      <c r="AV8" s="97"/>
    </row>
    <row r="9" spans="1:48" s="2" customFormat="1" ht="13.5" customHeight="1">
      <c r="A9" s="9"/>
      <c r="B9" s="9" t="s">
        <v>242</v>
      </c>
      <c r="C9" s="5">
        <v>5</v>
      </c>
      <c r="D9" s="11">
        <v>18</v>
      </c>
      <c r="E9" s="11">
        <v>762230</v>
      </c>
      <c r="F9" s="10" t="s">
        <v>58</v>
      </c>
      <c r="G9" s="23"/>
      <c r="H9" s="112" t="str">
        <f>SUBSTITUTE(Categorization!H9,"x",'Categorization (2)'!H$4)</f>
        <v/>
      </c>
      <c r="I9" s="112" t="str">
        <f>SUBSTITUTE(Categorization!I9,"x",'Categorization (2)'!I$4)</f>
        <v/>
      </c>
      <c r="J9" s="112" t="str">
        <f>SUBSTITUTE(Categorization!J9,"x",'Categorization (2)'!J$4)</f>
        <v/>
      </c>
      <c r="K9" s="112" t="str">
        <f>SUBSTITUTE(Categorization!K9,"x",'Categorization (2)'!K$4)</f>
        <v/>
      </c>
      <c r="L9" s="112" t="str">
        <f>SUBSTITUTE(Categorization!L9,"x",'Categorization (2)'!L$4)</f>
        <v/>
      </c>
      <c r="M9" s="112" t="str">
        <f>SUBSTITUTE(Categorization!M9,"x",'Categorization (2)'!M$4)</f>
        <v/>
      </c>
      <c r="N9" s="112" t="str">
        <f>SUBSTITUTE(Categorization!N9,"x",'Categorization (2)'!N$4)</f>
        <v/>
      </c>
      <c r="O9" s="112" t="str">
        <f>SUBSTITUTE(Categorization!O9,"x",'Categorization (2)'!O$4)</f>
        <v/>
      </c>
      <c r="P9" s="116" t="str">
        <f>SUBSTITUTE(Categorization!P9,"x",'Categorization (2)'!P$4)</f>
        <v/>
      </c>
      <c r="Q9" s="116" t="str">
        <f>SUBSTITUTE(Categorization!Q9,"x",'Categorization (2)'!Q$4)</f>
        <v/>
      </c>
      <c r="R9" s="120" t="str">
        <f>SUBSTITUTE(Categorization!R9,"x",'Categorization (2)'!R$4)</f>
        <v/>
      </c>
      <c r="S9" s="120" t="str">
        <f>SUBSTITUTE(Categorization!S9,"x",'Categorization (2)'!S$4)</f>
        <v/>
      </c>
      <c r="T9" s="120" t="str">
        <f>SUBSTITUTE(Categorization!T9,"x",'Categorization (2)'!T$4)</f>
        <v/>
      </c>
      <c r="U9" s="120" t="str">
        <f>SUBSTITUTE(Categorization!U9,"x",'Categorization (2)'!U$4)</f>
        <v/>
      </c>
      <c r="V9" s="127" t="str">
        <f>SUBSTITUTE(Categorization!V9,"x",'Categorization (2)'!V$4)</f>
        <v/>
      </c>
      <c r="W9" s="127" t="str">
        <f>SUBSTITUTE(Categorization!W9,"x",'Categorization (2)'!W$4)</f>
        <v/>
      </c>
      <c r="X9" s="127" t="str">
        <f>SUBSTITUTE(Categorization!X9,"x",'Categorization (2)'!X$4)</f>
        <v/>
      </c>
      <c r="Y9" s="127" t="str">
        <f>SUBSTITUTE(Categorization!Y9,"x",'Categorization (2)'!Y$4)</f>
        <v/>
      </c>
      <c r="Z9" s="127" t="str">
        <f>SUBSTITUTE(Categorization!Z9,"x",'Categorization (2)'!Z$4)</f>
        <v/>
      </c>
      <c r="AA9" s="124" t="str">
        <f>SUBSTITUTE(Categorization!AA9,"x",'Categorization (2)'!AA$4)</f>
        <v/>
      </c>
      <c r="AB9" s="124" t="str">
        <f>SUBSTITUTE(Categorization!AB9,"x",'Categorization (2)'!AB$4)</f>
        <v/>
      </c>
      <c r="AC9" s="124" t="str">
        <f>SUBSTITUTE(Categorization!AC9,"x",'Categorization (2)'!AC$4)</f>
        <v/>
      </c>
      <c r="AD9" s="124" t="str">
        <f>SUBSTITUTE(Categorization!AD9,"x",'Categorization (2)'!AD$4)</f>
        <v/>
      </c>
      <c r="AE9" s="124" t="str">
        <f>SUBSTITUTE(Categorization!AE9,"x",'Categorization (2)'!AE$4)</f>
        <v/>
      </c>
      <c r="AF9" s="108" t="str">
        <f>SUBSTITUTE(Categorization!AF9,"x",'Categorization (2)'!AF$4)</f>
        <v/>
      </c>
      <c r="AG9" s="108" t="str">
        <f>SUBSTITUTE(Categorization!AG9,"x",'Categorization (2)'!AG$4)</f>
        <v/>
      </c>
      <c r="AH9" s="108" t="str">
        <f>SUBSTITUTE(Categorization!AH9,"x",'Categorization (2)'!AH$4)</f>
        <v/>
      </c>
      <c r="AI9" s="108" t="str">
        <f>SUBSTITUTE(Categorization!AI9,"x",'Categorization (2)'!AI$4)</f>
        <v/>
      </c>
      <c r="AJ9" s="108" t="str">
        <f>SUBSTITUTE(Categorization!AJ9,"x",'Categorization (2)'!AJ$4)</f>
        <v/>
      </c>
      <c r="AK9" s="116" t="str">
        <f>SUBSTITUTE(Categorization!AK9,"x",'Categorization (2)'!AK$4)</f>
        <v/>
      </c>
      <c r="AL9" s="129" t="str">
        <f>SUBSTITUTE(Categorization!AL9,"x",'Categorization (2)'!AL$4)</f>
        <v/>
      </c>
      <c r="AM9" s="129" t="str">
        <f>SUBSTITUTE(Categorization!AM9,"x",'Categorization (2)'!AM$4)</f>
        <v/>
      </c>
      <c r="AN9" s="131" t="str">
        <f>SUBSTITUTE(Categorization!AN9,"x",'Categorization (2)'!AN$4)</f>
        <v/>
      </c>
      <c r="AO9" s="131" t="str">
        <f>SUBSTITUTE(Categorization!AO9,"x",'Categorization (2)'!AO$4)</f>
        <v/>
      </c>
      <c r="AP9" s="131" t="str">
        <f>SUBSTITUTE(Categorization!AP9,"x",'Categorization (2)'!AP$4)</f>
        <v/>
      </c>
      <c r="AQ9" s="131" t="str">
        <f>SUBSTITUTE(Categorization!AQ9,"x",'Categorization (2)'!AQ$4)</f>
        <v/>
      </c>
      <c r="AR9" s="131" t="str">
        <f>SUBSTITUTE(Categorization!AR9,"x",'Categorization (2)'!AR$4)</f>
        <v/>
      </c>
      <c r="AS9" s="131" t="str">
        <f>SUBSTITUTE(Categorization!AS9,"x",'Categorization (2)'!AS$4)</f>
        <v/>
      </c>
      <c r="AT9" s="131" t="str">
        <f>SUBSTITUTE(Categorization!AT9,"x",'Categorization (2)'!AT$4)</f>
        <v/>
      </c>
      <c r="AU9" s="103"/>
      <c r="AV9" s="97"/>
    </row>
    <row r="10" spans="1:48" s="2" customFormat="1" ht="13.5" customHeight="1">
      <c r="A10" s="9"/>
      <c r="B10" s="9" t="s">
        <v>242</v>
      </c>
      <c r="C10" s="5">
        <v>6</v>
      </c>
      <c r="D10" s="11">
        <v>16</v>
      </c>
      <c r="E10" s="11">
        <v>760311</v>
      </c>
      <c r="F10" s="10" t="s">
        <v>15</v>
      </c>
      <c r="G10" s="23"/>
      <c r="H10" s="112" t="str">
        <f>SUBSTITUTE(Categorization!H10,"x",'Categorization (2)'!H$4)</f>
        <v/>
      </c>
      <c r="I10" s="112" t="str">
        <f>SUBSTITUTE(Categorization!I10,"x",'Categorization (2)'!I$4)</f>
        <v/>
      </c>
      <c r="J10" s="112" t="str">
        <f>SUBSTITUTE(Categorization!J10,"x",'Categorization (2)'!J$4)</f>
        <v/>
      </c>
      <c r="K10" s="112" t="str">
        <f>SUBSTITUTE(Categorization!K10,"x",'Categorization (2)'!K$4)</f>
        <v/>
      </c>
      <c r="L10" s="112" t="str">
        <f>SUBSTITUTE(Categorization!L10,"x",'Categorization (2)'!L$4)</f>
        <v/>
      </c>
      <c r="M10" s="112" t="str">
        <f>SUBSTITUTE(Categorization!M10,"x",'Categorization (2)'!M$4)</f>
        <v/>
      </c>
      <c r="N10" s="112" t="str">
        <f>SUBSTITUTE(Categorization!N10,"x",'Categorization (2)'!N$4)</f>
        <v/>
      </c>
      <c r="O10" s="112" t="str">
        <f>SUBSTITUTE(Categorization!O10,"x",'Categorization (2)'!O$4)</f>
        <v/>
      </c>
      <c r="P10" s="116" t="str">
        <f>SUBSTITUTE(Categorization!P10,"x",'Categorization (2)'!P$4)</f>
        <v/>
      </c>
      <c r="Q10" s="116" t="str">
        <f>SUBSTITUTE(Categorization!Q10,"x",'Categorization (2)'!Q$4)</f>
        <v/>
      </c>
      <c r="R10" s="120" t="str">
        <f>SUBSTITUTE(Categorization!R10,"x",'Categorization (2)'!R$4)</f>
        <v/>
      </c>
      <c r="S10" s="120" t="str">
        <f>SUBSTITUTE(Categorization!S10,"x",'Categorization (2)'!S$4)</f>
        <v/>
      </c>
      <c r="T10" s="120" t="str">
        <f>SUBSTITUTE(Categorization!T10,"x",'Categorization (2)'!T$4)</f>
        <v/>
      </c>
      <c r="U10" s="120" t="str">
        <f>SUBSTITUTE(Categorization!U10,"x",'Categorization (2)'!U$4)</f>
        <v/>
      </c>
      <c r="V10" s="127" t="str">
        <f>SUBSTITUTE(Categorization!V10,"x",'Categorization (2)'!V$4)</f>
        <v/>
      </c>
      <c r="W10" s="127" t="str">
        <f>SUBSTITUTE(Categorization!W10,"x",'Categorization (2)'!W$4)</f>
        <v/>
      </c>
      <c r="X10" s="127" t="str">
        <f>SUBSTITUTE(Categorization!X10,"x",'Categorization (2)'!X$4)</f>
        <v/>
      </c>
      <c r="Y10" s="127" t="str">
        <f>SUBSTITUTE(Categorization!Y10,"x",'Categorization (2)'!Y$4)</f>
        <v/>
      </c>
      <c r="Z10" s="127" t="str">
        <f>SUBSTITUTE(Categorization!Z10,"x",'Categorization (2)'!Z$4)</f>
        <v/>
      </c>
      <c r="AA10" s="124" t="str">
        <f>SUBSTITUTE(Categorization!AA10,"x",'Categorization (2)'!AA$4)</f>
        <v/>
      </c>
      <c r="AB10" s="124" t="str">
        <f>SUBSTITUTE(Categorization!AB10,"x",'Categorization (2)'!AB$4)</f>
        <v/>
      </c>
      <c r="AC10" s="124" t="str">
        <f>SUBSTITUTE(Categorization!AC10,"x",'Categorization (2)'!AC$4)</f>
        <v/>
      </c>
      <c r="AD10" s="124" t="str">
        <f>SUBSTITUTE(Categorization!AD10,"x",'Categorization (2)'!AD$4)</f>
        <v/>
      </c>
      <c r="AE10" s="124" t="str">
        <f>SUBSTITUTE(Categorization!AE10,"x",'Categorization (2)'!AE$4)</f>
        <v/>
      </c>
      <c r="AF10" s="108" t="str">
        <f>SUBSTITUTE(Categorization!AF10,"x",'Categorization (2)'!AF$4)</f>
        <v/>
      </c>
      <c r="AG10" s="108" t="str">
        <f>SUBSTITUTE(Categorization!AG10,"x",'Categorization (2)'!AG$4)</f>
        <v/>
      </c>
      <c r="AH10" s="108" t="str">
        <f>SUBSTITUTE(Categorization!AH10,"x",'Categorization (2)'!AH$4)</f>
        <v/>
      </c>
      <c r="AI10" s="108" t="str">
        <f>SUBSTITUTE(Categorization!AI10,"x",'Categorization (2)'!AI$4)</f>
        <v/>
      </c>
      <c r="AJ10" s="108" t="str">
        <f>SUBSTITUTE(Categorization!AJ10,"x",'Categorization (2)'!AJ$4)</f>
        <v/>
      </c>
      <c r="AK10" s="116" t="str">
        <f>SUBSTITUTE(Categorization!AK10,"x",'Categorization (2)'!AK$4)</f>
        <v/>
      </c>
      <c r="AL10" s="129" t="str">
        <f>SUBSTITUTE(Categorization!AL10,"x",'Categorization (2)'!AL$4)</f>
        <v/>
      </c>
      <c r="AM10" s="129" t="str">
        <f>SUBSTITUTE(Categorization!AM10,"x",'Categorization (2)'!AM$4)</f>
        <v/>
      </c>
      <c r="AN10" s="131" t="str">
        <f>SUBSTITUTE(Categorization!AN10,"x",'Categorization (2)'!AN$4)</f>
        <v/>
      </c>
      <c r="AO10" s="131" t="str">
        <f>SUBSTITUTE(Categorization!AO10,"x",'Categorization (2)'!AO$4)</f>
        <v/>
      </c>
      <c r="AP10" s="131" t="str">
        <f>SUBSTITUTE(Categorization!AP10,"x",'Categorization (2)'!AP$4)</f>
        <v/>
      </c>
      <c r="AQ10" s="131" t="str">
        <f>SUBSTITUTE(Categorization!AQ10,"x",'Categorization (2)'!AQ$4)</f>
        <v/>
      </c>
      <c r="AR10" s="131" t="str">
        <f>SUBSTITUTE(Categorization!AR10,"x",'Categorization (2)'!AR$4)</f>
        <v/>
      </c>
      <c r="AS10" s="131" t="str">
        <f>SUBSTITUTE(Categorization!AS10,"x",'Categorization (2)'!AS$4)</f>
        <v/>
      </c>
      <c r="AT10" s="131" t="str">
        <f>SUBSTITUTE(Categorization!AT10,"x",'Categorization (2)'!AT$4)</f>
        <v/>
      </c>
      <c r="AU10" s="103"/>
      <c r="AV10" s="97"/>
    </row>
    <row r="11" spans="1:48" s="2" customFormat="1" ht="13.5" customHeight="1">
      <c r="A11" s="9"/>
      <c r="B11" s="9" t="s">
        <v>242</v>
      </c>
      <c r="C11" s="5">
        <v>7</v>
      </c>
      <c r="D11" s="7">
        <v>16</v>
      </c>
      <c r="E11" s="7">
        <v>762301</v>
      </c>
      <c r="F11" s="6" t="s">
        <v>59</v>
      </c>
      <c r="G11" s="23"/>
      <c r="H11" s="112" t="str">
        <f>SUBSTITUTE(Categorization!H11,"x",'Categorization (2)'!H$4)</f>
        <v/>
      </c>
      <c r="I11" s="112" t="str">
        <f>SUBSTITUTE(Categorization!I11,"x",'Categorization (2)'!I$4)</f>
        <v/>
      </c>
      <c r="J11" s="112" t="str">
        <f>SUBSTITUTE(Categorization!J11,"x",'Categorization (2)'!J$4)</f>
        <v/>
      </c>
      <c r="K11" s="112" t="str">
        <f>SUBSTITUTE(Categorization!K11,"x",'Categorization (2)'!K$4)</f>
        <v/>
      </c>
      <c r="L11" s="112" t="str">
        <f>SUBSTITUTE(Categorization!L11,"x",'Categorization (2)'!L$4)</f>
        <v/>
      </c>
      <c r="M11" s="112" t="str">
        <f>SUBSTITUTE(Categorization!M11,"x",'Categorization (2)'!M$4)</f>
        <v/>
      </c>
      <c r="N11" s="112" t="str">
        <f>SUBSTITUTE(Categorization!N11,"x",'Categorization (2)'!N$4)</f>
        <v/>
      </c>
      <c r="O11" s="112" t="str">
        <f>SUBSTITUTE(Categorization!O11,"x",'Categorization (2)'!O$4)</f>
        <v/>
      </c>
      <c r="P11" s="116" t="str">
        <f>SUBSTITUTE(Categorization!P11,"x",'Categorization (2)'!P$4)</f>
        <v/>
      </c>
      <c r="Q11" s="116" t="str">
        <f>SUBSTITUTE(Categorization!Q11,"x",'Categorization (2)'!Q$4)</f>
        <v/>
      </c>
      <c r="R11" s="120" t="str">
        <f>SUBSTITUTE(Categorization!R11,"x",'Categorization (2)'!R$4)</f>
        <v/>
      </c>
      <c r="S11" s="120" t="str">
        <f>SUBSTITUTE(Categorization!S11,"x",'Categorization (2)'!S$4)</f>
        <v/>
      </c>
      <c r="T11" s="120" t="str">
        <f>SUBSTITUTE(Categorization!T11,"x",'Categorization (2)'!T$4)</f>
        <v/>
      </c>
      <c r="U11" s="120" t="str">
        <f>SUBSTITUTE(Categorization!U11,"x",'Categorization (2)'!U$4)</f>
        <v/>
      </c>
      <c r="V11" s="127" t="str">
        <f>SUBSTITUTE(Categorization!V11,"x",'Categorization (2)'!V$4)</f>
        <v/>
      </c>
      <c r="W11" s="127" t="str">
        <f>SUBSTITUTE(Categorization!W11,"x",'Categorization (2)'!W$4)</f>
        <v/>
      </c>
      <c r="X11" s="127" t="str">
        <f>SUBSTITUTE(Categorization!X11,"x",'Categorization (2)'!X$4)</f>
        <v/>
      </c>
      <c r="Y11" s="127" t="str">
        <f>SUBSTITUTE(Categorization!Y11,"x",'Categorization (2)'!Y$4)</f>
        <v/>
      </c>
      <c r="Z11" s="127" t="str">
        <f>SUBSTITUTE(Categorization!Z11,"x",'Categorization (2)'!Z$4)</f>
        <v/>
      </c>
      <c r="AA11" s="124" t="str">
        <f>SUBSTITUTE(Categorization!AA11,"x",'Categorization (2)'!AA$4)</f>
        <v/>
      </c>
      <c r="AB11" s="124" t="str">
        <f>SUBSTITUTE(Categorization!AB11,"x",'Categorization (2)'!AB$4)</f>
        <v/>
      </c>
      <c r="AC11" s="124" t="str">
        <f>SUBSTITUTE(Categorization!AC11,"x",'Categorization (2)'!AC$4)</f>
        <v/>
      </c>
      <c r="AD11" s="124" t="str">
        <f>SUBSTITUTE(Categorization!AD11,"x",'Categorization (2)'!AD$4)</f>
        <v/>
      </c>
      <c r="AE11" s="124" t="str">
        <f>SUBSTITUTE(Categorization!AE11,"x",'Categorization (2)'!AE$4)</f>
        <v/>
      </c>
      <c r="AF11" s="108" t="str">
        <f>SUBSTITUTE(Categorization!AF11,"x",'Categorization (2)'!AF$4)</f>
        <v/>
      </c>
      <c r="AG11" s="108" t="str">
        <f>SUBSTITUTE(Categorization!AG11,"x",'Categorization (2)'!AG$4)</f>
        <v/>
      </c>
      <c r="AH11" s="108" t="str">
        <f>SUBSTITUTE(Categorization!AH11,"x",'Categorization (2)'!AH$4)</f>
        <v/>
      </c>
      <c r="AI11" s="108" t="str">
        <f>SUBSTITUTE(Categorization!AI11,"x",'Categorization (2)'!AI$4)</f>
        <v/>
      </c>
      <c r="AJ11" s="108" t="str">
        <f>SUBSTITUTE(Categorization!AJ11,"x",'Categorization (2)'!AJ$4)</f>
        <v/>
      </c>
      <c r="AK11" s="116" t="str">
        <f>SUBSTITUTE(Categorization!AK11,"x",'Categorization (2)'!AK$4)</f>
        <v/>
      </c>
      <c r="AL11" s="129" t="str">
        <f>SUBSTITUTE(Categorization!AL11,"x",'Categorization (2)'!AL$4)</f>
        <v/>
      </c>
      <c r="AM11" s="129" t="str">
        <f>SUBSTITUTE(Categorization!AM11,"x",'Categorization (2)'!AM$4)</f>
        <v/>
      </c>
      <c r="AN11" s="131" t="str">
        <f>SUBSTITUTE(Categorization!AN11,"x",'Categorization (2)'!AN$4)</f>
        <v/>
      </c>
      <c r="AO11" s="131" t="str">
        <f>SUBSTITUTE(Categorization!AO11,"x",'Categorization (2)'!AO$4)</f>
        <v/>
      </c>
      <c r="AP11" s="131" t="str">
        <f>SUBSTITUTE(Categorization!AP11,"x",'Categorization (2)'!AP$4)</f>
        <v/>
      </c>
      <c r="AQ11" s="131" t="str">
        <f>SUBSTITUTE(Categorization!AQ11,"x",'Categorization (2)'!AQ$4)</f>
        <v/>
      </c>
      <c r="AR11" s="131" t="str">
        <f>SUBSTITUTE(Categorization!AR11,"x",'Categorization (2)'!AR$4)</f>
        <v/>
      </c>
      <c r="AS11" s="131" t="str">
        <f>SUBSTITUTE(Categorization!AS11,"x",'Categorization (2)'!AS$4)</f>
        <v/>
      </c>
      <c r="AT11" s="131" t="str">
        <f>SUBSTITUTE(Categorization!AT11,"x",'Categorization (2)'!AT$4)</f>
        <v/>
      </c>
      <c r="AU11" s="103"/>
      <c r="AV11" s="97"/>
    </row>
    <row r="12" spans="1:48" s="2" customFormat="1" ht="13.5" customHeight="1">
      <c r="A12" s="9"/>
      <c r="B12" s="9" t="s">
        <v>242</v>
      </c>
      <c r="C12" s="5">
        <v>8</v>
      </c>
      <c r="D12" s="7">
        <v>12</v>
      </c>
      <c r="E12" s="7">
        <v>760411</v>
      </c>
      <c r="F12" s="6" t="s">
        <v>2</v>
      </c>
      <c r="G12" s="23"/>
      <c r="H12" s="112" t="str">
        <f>SUBSTITUTE(Categorization!H12,"x",'Categorization (2)'!H$4)</f>
        <v/>
      </c>
      <c r="I12" s="112" t="str">
        <f>SUBSTITUTE(Categorization!I12,"x",'Categorization (2)'!I$4)</f>
        <v/>
      </c>
      <c r="J12" s="112" t="str">
        <f>SUBSTITUTE(Categorization!J12,"x",'Categorization (2)'!J$4)</f>
        <v/>
      </c>
      <c r="K12" s="112" t="str">
        <f>SUBSTITUTE(Categorization!K12,"x",'Categorization (2)'!K$4)</f>
        <v/>
      </c>
      <c r="L12" s="112" t="str">
        <f>SUBSTITUTE(Categorization!L12,"x",'Categorization (2)'!L$4)</f>
        <v/>
      </c>
      <c r="M12" s="112" t="str">
        <f>SUBSTITUTE(Categorization!M12,"x",'Categorization (2)'!M$4)</f>
        <v/>
      </c>
      <c r="N12" s="112" t="str">
        <f>SUBSTITUTE(Categorization!N12,"x",'Categorization (2)'!N$4)</f>
        <v/>
      </c>
      <c r="O12" s="112" t="str">
        <f>SUBSTITUTE(Categorization!O12,"x",'Categorization (2)'!O$4)</f>
        <v/>
      </c>
      <c r="P12" s="116" t="str">
        <f>SUBSTITUTE(Categorization!P12,"x",'Categorization (2)'!P$4)</f>
        <v/>
      </c>
      <c r="Q12" s="116" t="str">
        <f>SUBSTITUTE(Categorization!Q12,"x",'Categorization (2)'!Q$4)</f>
        <v/>
      </c>
      <c r="R12" s="120" t="str">
        <f>SUBSTITUTE(Categorization!R12,"x",'Categorization (2)'!R$4)</f>
        <v/>
      </c>
      <c r="S12" s="120" t="str">
        <f>SUBSTITUTE(Categorization!S12,"x",'Categorization (2)'!S$4)</f>
        <v/>
      </c>
      <c r="T12" s="120" t="str">
        <f>SUBSTITUTE(Categorization!T12,"x",'Categorization (2)'!T$4)</f>
        <v/>
      </c>
      <c r="U12" s="120" t="str">
        <f>SUBSTITUTE(Categorization!U12,"x",'Categorization (2)'!U$4)</f>
        <v/>
      </c>
      <c r="V12" s="127" t="str">
        <f>SUBSTITUTE(Categorization!V12,"x",'Categorization (2)'!V$4)</f>
        <v/>
      </c>
      <c r="W12" s="127" t="str">
        <f>SUBSTITUTE(Categorization!W12,"x",'Categorization (2)'!W$4)</f>
        <v/>
      </c>
      <c r="X12" s="127" t="str">
        <f>SUBSTITUTE(Categorization!X12,"x",'Categorization (2)'!X$4)</f>
        <v/>
      </c>
      <c r="Y12" s="127" t="str">
        <f>SUBSTITUTE(Categorization!Y12,"x",'Categorization (2)'!Y$4)</f>
        <v/>
      </c>
      <c r="Z12" s="127" t="str">
        <f>SUBSTITUTE(Categorization!Z12,"x",'Categorization (2)'!Z$4)</f>
        <v/>
      </c>
      <c r="AA12" s="124" t="str">
        <f>SUBSTITUTE(Categorization!AA12,"x",'Categorization (2)'!AA$4)</f>
        <v/>
      </c>
      <c r="AB12" s="124" t="str">
        <f>SUBSTITUTE(Categorization!AB12,"x",'Categorization (2)'!AB$4)</f>
        <v/>
      </c>
      <c r="AC12" s="124" t="str">
        <f>SUBSTITUTE(Categorization!AC12,"x",'Categorization (2)'!AC$4)</f>
        <v/>
      </c>
      <c r="AD12" s="124" t="str">
        <f>SUBSTITUTE(Categorization!AD12,"x",'Categorization (2)'!AD$4)</f>
        <v/>
      </c>
      <c r="AE12" s="124" t="str">
        <f>SUBSTITUTE(Categorization!AE12,"x",'Categorization (2)'!AE$4)</f>
        <v/>
      </c>
      <c r="AF12" s="108" t="str">
        <f>SUBSTITUTE(Categorization!AF12,"x",'Categorization (2)'!AF$4)</f>
        <v/>
      </c>
      <c r="AG12" s="108" t="str">
        <f>SUBSTITUTE(Categorization!AG12,"x",'Categorization (2)'!AG$4)</f>
        <v/>
      </c>
      <c r="AH12" s="108" t="str">
        <f>SUBSTITUTE(Categorization!AH12,"x",'Categorization (2)'!AH$4)</f>
        <v/>
      </c>
      <c r="AI12" s="108" t="str">
        <f>SUBSTITUTE(Categorization!AI12,"x",'Categorization (2)'!AI$4)</f>
        <v/>
      </c>
      <c r="AJ12" s="108" t="str">
        <f>SUBSTITUTE(Categorization!AJ12,"x",'Categorization (2)'!AJ$4)</f>
        <v/>
      </c>
      <c r="AK12" s="116" t="str">
        <f>SUBSTITUTE(Categorization!AK12,"x",'Categorization (2)'!AK$4)</f>
        <v/>
      </c>
      <c r="AL12" s="129" t="str">
        <f>SUBSTITUTE(Categorization!AL12,"x",'Categorization (2)'!AL$4)</f>
        <v/>
      </c>
      <c r="AM12" s="129" t="str">
        <f>SUBSTITUTE(Categorization!AM12,"x",'Categorization (2)'!AM$4)</f>
        <v/>
      </c>
      <c r="AN12" s="131" t="str">
        <f>SUBSTITUTE(Categorization!AN12,"x",'Categorization (2)'!AN$4)</f>
        <v/>
      </c>
      <c r="AO12" s="131" t="str">
        <f>SUBSTITUTE(Categorization!AO12,"x",'Categorization (2)'!AO$4)</f>
        <v/>
      </c>
      <c r="AP12" s="131" t="str">
        <f>SUBSTITUTE(Categorization!AP12,"x",'Categorization (2)'!AP$4)</f>
        <v/>
      </c>
      <c r="AQ12" s="131" t="str">
        <f>SUBSTITUTE(Categorization!AQ12,"x",'Categorization (2)'!AQ$4)</f>
        <v/>
      </c>
      <c r="AR12" s="131" t="str">
        <f>SUBSTITUTE(Categorization!AR12,"x",'Categorization (2)'!AR$4)</f>
        <v/>
      </c>
      <c r="AS12" s="131" t="str">
        <f>SUBSTITUTE(Categorization!AS12,"x",'Categorization (2)'!AS$4)</f>
        <v/>
      </c>
      <c r="AT12" s="131" t="str">
        <f>SUBSTITUTE(Categorization!AT12,"x",'Categorization (2)'!AT$4)</f>
        <v/>
      </c>
      <c r="AU12" s="103"/>
      <c r="AV12" s="97"/>
    </row>
    <row r="13" spans="1:48" s="2" customFormat="1" ht="13.5" customHeight="1">
      <c r="A13" s="9"/>
      <c r="B13" s="9" t="s">
        <v>242</v>
      </c>
      <c r="C13" s="5">
        <v>9</v>
      </c>
      <c r="D13" s="7">
        <v>24</v>
      </c>
      <c r="E13" s="7">
        <v>760406</v>
      </c>
      <c r="F13" s="6" t="s">
        <v>2</v>
      </c>
      <c r="G13" s="23"/>
      <c r="H13" s="112" t="str">
        <f>SUBSTITUTE(Categorization!H13,"x",'Categorization (2)'!H$4)</f>
        <v/>
      </c>
      <c r="I13" s="112" t="str">
        <f>SUBSTITUTE(Categorization!I13,"x",'Categorization (2)'!I$4)</f>
        <v/>
      </c>
      <c r="J13" s="112" t="str">
        <f>SUBSTITUTE(Categorization!J13,"x",'Categorization (2)'!J$4)</f>
        <v/>
      </c>
      <c r="K13" s="112" t="str">
        <f>SUBSTITUTE(Categorization!K13,"x",'Categorization (2)'!K$4)</f>
        <v/>
      </c>
      <c r="L13" s="112" t="str">
        <f>SUBSTITUTE(Categorization!L13,"x",'Categorization (2)'!L$4)</f>
        <v/>
      </c>
      <c r="M13" s="112" t="str">
        <f>SUBSTITUTE(Categorization!M13,"x",'Categorization (2)'!M$4)</f>
        <v/>
      </c>
      <c r="N13" s="112" t="str">
        <f>SUBSTITUTE(Categorization!N13,"x",'Categorization (2)'!N$4)</f>
        <v/>
      </c>
      <c r="O13" s="112" t="str">
        <f>SUBSTITUTE(Categorization!O13,"x",'Categorization (2)'!O$4)</f>
        <v/>
      </c>
      <c r="P13" s="116" t="str">
        <f>SUBSTITUTE(Categorization!P13,"x",'Categorization (2)'!P$4)</f>
        <v/>
      </c>
      <c r="Q13" s="116" t="str">
        <f>SUBSTITUTE(Categorization!Q13,"x",'Categorization (2)'!Q$4)</f>
        <v/>
      </c>
      <c r="R13" s="120" t="str">
        <f>SUBSTITUTE(Categorization!R13,"x",'Categorization (2)'!R$4)</f>
        <v/>
      </c>
      <c r="S13" s="120" t="str">
        <f>SUBSTITUTE(Categorization!S13,"x",'Categorization (2)'!S$4)</f>
        <v/>
      </c>
      <c r="T13" s="120" t="str">
        <f>SUBSTITUTE(Categorization!T13,"x",'Categorization (2)'!T$4)</f>
        <v/>
      </c>
      <c r="U13" s="120" t="str">
        <f>SUBSTITUTE(Categorization!U13,"x",'Categorization (2)'!U$4)</f>
        <v/>
      </c>
      <c r="V13" s="127" t="str">
        <f>SUBSTITUTE(Categorization!V13,"x",'Categorization (2)'!V$4)</f>
        <v/>
      </c>
      <c r="W13" s="127" t="str">
        <f>SUBSTITUTE(Categorization!W13,"x",'Categorization (2)'!W$4)</f>
        <v/>
      </c>
      <c r="X13" s="127" t="str">
        <f>SUBSTITUTE(Categorization!X13,"x",'Categorization (2)'!X$4)</f>
        <v/>
      </c>
      <c r="Y13" s="127" t="str">
        <f>SUBSTITUTE(Categorization!Y13,"x",'Categorization (2)'!Y$4)</f>
        <v/>
      </c>
      <c r="Z13" s="127" t="str">
        <f>SUBSTITUTE(Categorization!Z13,"x",'Categorization (2)'!Z$4)</f>
        <v/>
      </c>
      <c r="AA13" s="124" t="str">
        <f>SUBSTITUTE(Categorization!AA13,"x",'Categorization (2)'!AA$4)</f>
        <v/>
      </c>
      <c r="AB13" s="124" t="str">
        <f>SUBSTITUTE(Categorization!AB13,"x",'Categorization (2)'!AB$4)</f>
        <v/>
      </c>
      <c r="AC13" s="124" t="str">
        <f>SUBSTITUTE(Categorization!AC13,"x",'Categorization (2)'!AC$4)</f>
        <v/>
      </c>
      <c r="AD13" s="124" t="str">
        <f>SUBSTITUTE(Categorization!AD13,"x",'Categorization (2)'!AD$4)</f>
        <v/>
      </c>
      <c r="AE13" s="124" t="str">
        <f>SUBSTITUTE(Categorization!AE13,"x",'Categorization (2)'!AE$4)</f>
        <v/>
      </c>
      <c r="AF13" s="108" t="str">
        <f>SUBSTITUTE(Categorization!AF13,"x",'Categorization (2)'!AF$4)</f>
        <v/>
      </c>
      <c r="AG13" s="108" t="str">
        <f>SUBSTITUTE(Categorization!AG13,"x",'Categorization (2)'!AG$4)</f>
        <v/>
      </c>
      <c r="AH13" s="108" t="str">
        <f>SUBSTITUTE(Categorization!AH13,"x",'Categorization (2)'!AH$4)</f>
        <v/>
      </c>
      <c r="AI13" s="108" t="str">
        <f>SUBSTITUTE(Categorization!AI13,"x",'Categorization (2)'!AI$4)</f>
        <v/>
      </c>
      <c r="AJ13" s="108" t="str">
        <f>SUBSTITUTE(Categorization!AJ13,"x",'Categorization (2)'!AJ$4)</f>
        <v/>
      </c>
      <c r="AK13" s="116" t="str">
        <f>SUBSTITUTE(Categorization!AK13,"x",'Categorization (2)'!AK$4)</f>
        <v/>
      </c>
      <c r="AL13" s="129" t="str">
        <f>SUBSTITUTE(Categorization!AL13,"x",'Categorization (2)'!AL$4)</f>
        <v/>
      </c>
      <c r="AM13" s="129" t="str">
        <f>SUBSTITUTE(Categorization!AM13,"x",'Categorization (2)'!AM$4)</f>
        <v/>
      </c>
      <c r="AN13" s="131" t="str">
        <f>SUBSTITUTE(Categorization!AN13,"x",'Categorization (2)'!AN$4)</f>
        <v/>
      </c>
      <c r="AO13" s="131" t="str">
        <f>SUBSTITUTE(Categorization!AO13,"x",'Categorization (2)'!AO$4)</f>
        <v/>
      </c>
      <c r="AP13" s="131" t="str">
        <f>SUBSTITUTE(Categorization!AP13,"x",'Categorization (2)'!AP$4)</f>
        <v/>
      </c>
      <c r="AQ13" s="131" t="str">
        <f>SUBSTITUTE(Categorization!AQ13,"x",'Categorization (2)'!AQ$4)</f>
        <v/>
      </c>
      <c r="AR13" s="131" t="str">
        <f>SUBSTITUTE(Categorization!AR13,"x",'Categorization (2)'!AR$4)</f>
        <v/>
      </c>
      <c r="AS13" s="131" t="str">
        <f>SUBSTITUTE(Categorization!AS13,"x",'Categorization (2)'!AS$4)</f>
        <v/>
      </c>
      <c r="AT13" s="131" t="str">
        <f>SUBSTITUTE(Categorization!AT13,"x",'Categorization (2)'!AT$4)</f>
        <v/>
      </c>
      <c r="AU13" s="103"/>
      <c r="AV13" s="97"/>
    </row>
    <row r="14" spans="1:48" s="2" customFormat="1" ht="13.5" customHeight="1">
      <c r="A14" s="9"/>
      <c r="B14" s="9" t="s">
        <v>242</v>
      </c>
      <c r="C14" s="5">
        <v>10</v>
      </c>
      <c r="D14" s="7">
        <v>30</v>
      </c>
      <c r="E14" s="7">
        <v>760476</v>
      </c>
      <c r="F14" s="6" t="s">
        <v>2</v>
      </c>
      <c r="G14" s="23"/>
      <c r="H14" s="112" t="str">
        <f>SUBSTITUTE(Categorization!H14,"x",'Categorization (2)'!H$4)</f>
        <v/>
      </c>
      <c r="I14" s="112" t="str">
        <f>SUBSTITUTE(Categorization!I14,"x",'Categorization (2)'!I$4)</f>
        <v/>
      </c>
      <c r="J14" s="112" t="str">
        <f>SUBSTITUTE(Categorization!J14,"x",'Categorization (2)'!J$4)</f>
        <v/>
      </c>
      <c r="K14" s="112" t="str">
        <f>SUBSTITUTE(Categorization!K14,"x",'Categorization (2)'!K$4)</f>
        <v/>
      </c>
      <c r="L14" s="112" t="str">
        <f>SUBSTITUTE(Categorization!L14,"x",'Categorization (2)'!L$4)</f>
        <v/>
      </c>
      <c r="M14" s="112" t="str">
        <f>SUBSTITUTE(Categorization!M14,"x",'Categorization (2)'!M$4)</f>
        <v/>
      </c>
      <c r="N14" s="112" t="str">
        <f>SUBSTITUTE(Categorization!N14,"x",'Categorization (2)'!N$4)</f>
        <v/>
      </c>
      <c r="O14" s="112" t="str">
        <f>SUBSTITUTE(Categorization!O14,"x",'Categorization (2)'!O$4)</f>
        <v/>
      </c>
      <c r="P14" s="116" t="str">
        <f>SUBSTITUTE(Categorization!P14,"x",'Categorization (2)'!P$4)</f>
        <v/>
      </c>
      <c r="Q14" s="116" t="str">
        <f>SUBSTITUTE(Categorization!Q14,"x",'Categorization (2)'!Q$4)</f>
        <v/>
      </c>
      <c r="R14" s="120" t="str">
        <f>SUBSTITUTE(Categorization!R14,"x",'Categorization (2)'!R$4)</f>
        <v/>
      </c>
      <c r="S14" s="120" t="str">
        <f>SUBSTITUTE(Categorization!S14,"x",'Categorization (2)'!S$4)</f>
        <v/>
      </c>
      <c r="T14" s="120" t="str">
        <f>SUBSTITUTE(Categorization!T14,"x",'Categorization (2)'!T$4)</f>
        <v/>
      </c>
      <c r="U14" s="120" t="str">
        <f>SUBSTITUTE(Categorization!U14,"x",'Categorization (2)'!U$4)</f>
        <v/>
      </c>
      <c r="V14" s="127" t="str">
        <f>SUBSTITUTE(Categorization!V14,"x",'Categorization (2)'!V$4)</f>
        <v/>
      </c>
      <c r="W14" s="127" t="str">
        <f>SUBSTITUTE(Categorization!W14,"x",'Categorization (2)'!W$4)</f>
        <v/>
      </c>
      <c r="X14" s="127" t="str">
        <f>SUBSTITUTE(Categorization!X14,"x",'Categorization (2)'!X$4)</f>
        <v/>
      </c>
      <c r="Y14" s="127" t="str">
        <f>SUBSTITUTE(Categorization!Y14,"x",'Categorization (2)'!Y$4)</f>
        <v/>
      </c>
      <c r="Z14" s="127" t="str">
        <f>SUBSTITUTE(Categorization!Z14,"x",'Categorization (2)'!Z$4)</f>
        <v/>
      </c>
      <c r="AA14" s="124" t="str">
        <f>SUBSTITUTE(Categorization!AA14,"x",'Categorization (2)'!AA$4)</f>
        <v/>
      </c>
      <c r="AB14" s="124" t="str">
        <f>SUBSTITUTE(Categorization!AB14,"x",'Categorization (2)'!AB$4)</f>
        <v/>
      </c>
      <c r="AC14" s="124" t="str">
        <f>SUBSTITUTE(Categorization!AC14,"x",'Categorization (2)'!AC$4)</f>
        <v/>
      </c>
      <c r="AD14" s="124" t="str">
        <f>SUBSTITUTE(Categorization!AD14,"x",'Categorization (2)'!AD$4)</f>
        <v/>
      </c>
      <c r="AE14" s="124" t="str">
        <f>SUBSTITUTE(Categorization!AE14,"x",'Categorization (2)'!AE$4)</f>
        <v/>
      </c>
      <c r="AF14" s="108" t="str">
        <f>SUBSTITUTE(Categorization!AF14,"x",'Categorization (2)'!AF$4)</f>
        <v/>
      </c>
      <c r="AG14" s="108" t="str">
        <f>SUBSTITUTE(Categorization!AG14,"x",'Categorization (2)'!AG$4)</f>
        <v/>
      </c>
      <c r="AH14" s="108" t="str">
        <f>SUBSTITUTE(Categorization!AH14,"x",'Categorization (2)'!AH$4)</f>
        <v/>
      </c>
      <c r="AI14" s="108" t="str">
        <f>SUBSTITUTE(Categorization!AI14,"x",'Categorization (2)'!AI$4)</f>
        <v/>
      </c>
      <c r="AJ14" s="108" t="str">
        <f>SUBSTITUTE(Categorization!AJ14,"x",'Categorization (2)'!AJ$4)</f>
        <v/>
      </c>
      <c r="AK14" s="116" t="str">
        <f>SUBSTITUTE(Categorization!AK14,"x",'Categorization (2)'!AK$4)</f>
        <v/>
      </c>
      <c r="AL14" s="129" t="str">
        <f>SUBSTITUTE(Categorization!AL14,"x",'Categorization (2)'!AL$4)</f>
        <v/>
      </c>
      <c r="AM14" s="129" t="str">
        <f>SUBSTITUTE(Categorization!AM14,"x",'Categorization (2)'!AM$4)</f>
        <v/>
      </c>
      <c r="AN14" s="131" t="str">
        <f>SUBSTITUTE(Categorization!AN14,"x",'Categorization (2)'!AN$4)</f>
        <v/>
      </c>
      <c r="AO14" s="131" t="str">
        <f>SUBSTITUTE(Categorization!AO14,"x",'Categorization (2)'!AO$4)</f>
        <v/>
      </c>
      <c r="AP14" s="131" t="str">
        <f>SUBSTITUTE(Categorization!AP14,"x",'Categorization (2)'!AP$4)</f>
        <v/>
      </c>
      <c r="AQ14" s="131" t="str">
        <f>SUBSTITUTE(Categorization!AQ14,"x",'Categorization (2)'!AQ$4)</f>
        <v/>
      </c>
      <c r="AR14" s="131" t="str">
        <f>SUBSTITUTE(Categorization!AR14,"x",'Categorization (2)'!AR$4)</f>
        <v/>
      </c>
      <c r="AS14" s="131" t="str">
        <f>SUBSTITUTE(Categorization!AS14,"x",'Categorization (2)'!AS$4)</f>
        <v/>
      </c>
      <c r="AT14" s="131" t="str">
        <f>SUBSTITUTE(Categorization!AT14,"x",'Categorization (2)'!AT$4)</f>
        <v/>
      </c>
      <c r="AU14" s="103"/>
      <c r="AV14" s="97"/>
    </row>
    <row r="15" spans="1:48" s="2" customFormat="1" ht="13.5" customHeight="1">
      <c r="A15" s="9"/>
      <c r="B15" s="9" t="s">
        <v>242</v>
      </c>
      <c r="C15" s="5">
        <v>11</v>
      </c>
      <c r="D15" s="7">
        <v>10</v>
      </c>
      <c r="E15" s="7">
        <v>760511</v>
      </c>
      <c r="F15" s="6" t="s">
        <v>262</v>
      </c>
      <c r="G15" s="23"/>
      <c r="H15" s="112" t="str">
        <f>SUBSTITUTE(Categorization!H15,"x",'Categorization (2)'!H$4)</f>
        <v/>
      </c>
      <c r="I15" s="112" t="str">
        <f>SUBSTITUTE(Categorization!I15,"x",'Categorization (2)'!I$4)</f>
        <v/>
      </c>
      <c r="J15" s="112" t="str">
        <f>SUBSTITUTE(Categorization!J15,"x",'Categorization (2)'!J$4)</f>
        <v/>
      </c>
      <c r="K15" s="112" t="str">
        <f>SUBSTITUTE(Categorization!K15,"x",'Categorization (2)'!K$4)</f>
        <v/>
      </c>
      <c r="L15" s="112" t="str">
        <f>SUBSTITUTE(Categorization!L15,"x",'Categorization (2)'!L$4)</f>
        <v/>
      </c>
      <c r="M15" s="112" t="str">
        <f>SUBSTITUTE(Categorization!M15,"x",'Categorization (2)'!M$4)</f>
        <v/>
      </c>
      <c r="N15" s="112" t="str">
        <f>SUBSTITUTE(Categorization!N15,"x",'Categorization (2)'!N$4)</f>
        <v/>
      </c>
      <c r="O15" s="112" t="str">
        <f>SUBSTITUTE(Categorization!O15,"x",'Categorization (2)'!O$4)</f>
        <v/>
      </c>
      <c r="P15" s="116" t="str">
        <f>SUBSTITUTE(Categorization!P15,"x",'Categorization (2)'!P$4)</f>
        <v/>
      </c>
      <c r="Q15" s="116" t="str">
        <f>SUBSTITUTE(Categorization!Q15,"x",'Categorization (2)'!Q$4)</f>
        <v/>
      </c>
      <c r="R15" s="120" t="str">
        <f>SUBSTITUTE(Categorization!R15,"x",'Categorization (2)'!R$4)</f>
        <v/>
      </c>
      <c r="S15" s="120" t="str">
        <f>SUBSTITUTE(Categorization!S15,"x",'Categorization (2)'!S$4)</f>
        <v/>
      </c>
      <c r="T15" s="120" t="str">
        <f>SUBSTITUTE(Categorization!T15,"x",'Categorization (2)'!T$4)</f>
        <v/>
      </c>
      <c r="U15" s="120" t="str">
        <f>SUBSTITUTE(Categorization!U15,"x",'Categorization (2)'!U$4)</f>
        <v/>
      </c>
      <c r="V15" s="127" t="str">
        <f>SUBSTITUTE(Categorization!V15,"x",'Categorization (2)'!V$4)</f>
        <v/>
      </c>
      <c r="W15" s="127" t="str">
        <f>SUBSTITUTE(Categorization!W15,"x",'Categorization (2)'!W$4)</f>
        <v/>
      </c>
      <c r="X15" s="127" t="str">
        <f>SUBSTITUTE(Categorization!X15,"x",'Categorization (2)'!X$4)</f>
        <v/>
      </c>
      <c r="Y15" s="127" t="str">
        <f>SUBSTITUTE(Categorization!Y15,"x",'Categorization (2)'!Y$4)</f>
        <v/>
      </c>
      <c r="Z15" s="127" t="str">
        <f>SUBSTITUTE(Categorization!Z15,"x",'Categorization (2)'!Z$4)</f>
        <v/>
      </c>
      <c r="AA15" s="124" t="str">
        <f>SUBSTITUTE(Categorization!AA15,"x",'Categorization (2)'!AA$4)</f>
        <v/>
      </c>
      <c r="AB15" s="124" t="str">
        <f>SUBSTITUTE(Categorization!AB15,"x",'Categorization (2)'!AB$4)</f>
        <v/>
      </c>
      <c r="AC15" s="124" t="str">
        <f>SUBSTITUTE(Categorization!AC15,"x",'Categorization (2)'!AC$4)</f>
        <v/>
      </c>
      <c r="AD15" s="124" t="str">
        <f>SUBSTITUTE(Categorization!AD15,"x",'Categorization (2)'!AD$4)</f>
        <v/>
      </c>
      <c r="AE15" s="124" t="str">
        <f>SUBSTITUTE(Categorization!AE15,"x",'Categorization (2)'!AE$4)</f>
        <v/>
      </c>
      <c r="AF15" s="108" t="str">
        <f>SUBSTITUTE(Categorization!AF15,"x",'Categorization (2)'!AF$4)</f>
        <v/>
      </c>
      <c r="AG15" s="108" t="str">
        <f>SUBSTITUTE(Categorization!AG15,"x",'Categorization (2)'!AG$4)</f>
        <v/>
      </c>
      <c r="AH15" s="108" t="str">
        <f>SUBSTITUTE(Categorization!AH15,"x",'Categorization (2)'!AH$4)</f>
        <v/>
      </c>
      <c r="AI15" s="108" t="str">
        <f>SUBSTITUTE(Categorization!AI15,"x",'Categorization (2)'!AI$4)</f>
        <v/>
      </c>
      <c r="AJ15" s="108" t="str">
        <f>SUBSTITUTE(Categorization!AJ15,"x",'Categorization (2)'!AJ$4)</f>
        <v/>
      </c>
      <c r="AK15" s="116" t="str">
        <f>SUBSTITUTE(Categorization!AK15,"x",'Categorization (2)'!AK$4)</f>
        <v/>
      </c>
      <c r="AL15" s="129" t="str">
        <f>SUBSTITUTE(Categorization!AL15,"x",'Categorization (2)'!AL$4)</f>
        <v/>
      </c>
      <c r="AM15" s="129" t="str">
        <f>SUBSTITUTE(Categorization!AM15,"x",'Categorization (2)'!AM$4)</f>
        <v/>
      </c>
      <c r="AN15" s="131" t="str">
        <f>SUBSTITUTE(Categorization!AN15,"x",'Categorization (2)'!AN$4)</f>
        <v/>
      </c>
      <c r="AO15" s="131" t="str">
        <f>SUBSTITUTE(Categorization!AO15,"x",'Categorization (2)'!AO$4)</f>
        <v/>
      </c>
      <c r="AP15" s="131" t="str">
        <f>SUBSTITUTE(Categorization!AP15,"x",'Categorization (2)'!AP$4)</f>
        <v/>
      </c>
      <c r="AQ15" s="131" t="str">
        <f>SUBSTITUTE(Categorization!AQ15,"x",'Categorization (2)'!AQ$4)</f>
        <v/>
      </c>
      <c r="AR15" s="131" t="str">
        <f>SUBSTITUTE(Categorization!AR15,"x",'Categorization (2)'!AR$4)</f>
        <v/>
      </c>
      <c r="AS15" s="131" t="str">
        <f>SUBSTITUTE(Categorization!AS15,"x",'Categorization (2)'!AS$4)</f>
        <v/>
      </c>
      <c r="AT15" s="131" t="str">
        <f>SUBSTITUTE(Categorization!AT15,"x",'Categorization (2)'!AT$4)</f>
        <v/>
      </c>
      <c r="AU15" s="103"/>
      <c r="AV15" s="97"/>
    </row>
    <row r="16" spans="1:48" s="2" customFormat="1" ht="13.5" customHeight="1">
      <c r="A16" s="9"/>
      <c r="B16" s="9" t="s">
        <v>242</v>
      </c>
      <c r="C16" s="5">
        <v>12</v>
      </c>
      <c r="D16" s="7">
        <v>20</v>
      </c>
      <c r="E16" s="7">
        <v>760506</v>
      </c>
      <c r="F16" s="6" t="s">
        <v>3</v>
      </c>
      <c r="G16" s="23"/>
      <c r="H16" s="112" t="str">
        <f>SUBSTITUTE(Categorization!H16,"x",'Categorization (2)'!H$4)</f>
        <v/>
      </c>
      <c r="I16" s="112" t="str">
        <f>SUBSTITUTE(Categorization!I16,"x",'Categorization (2)'!I$4)</f>
        <v/>
      </c>
      <c r="J16" s="112" t="str">
        <f>SUBSTITUTE(Categorization!J16,"x",'Categorization (2)'!J$4)</f>
        <v/>
      </c>
      <c r="K16" s="112" t="str">
        <f>SUBSTITUTE(Categorization!K16,"x",'Categorization (2)'!K$4)</f>
        <v/>
      </c>
      <c r="L16" s="112" t="str">
        <f>SUBSTITUTE(Categorization!L16,"x",'Categorization (2)'!L$4)</f>
        <v/>
      </c>
      <c r="M16" s="112" t="str">
        <f>SUBSTITUTE(Categorization!M16,"x",'Categorization (2)'!M$4)</f>
        <v/>
      </c>
      <c r="N16" s="112" t="str">
        <f>SUBSTITUTE(Categorization!N16,"x",'Categorization (2)'!N$4)</f>
        <v/>
      </c>
      <c r="O16" s="112" t="str">
        <f>SUBSTITUTE(Categorization!O16,"x",'Categorization (2)'!O$4)</f>
        <v/>
      </c>
      <c r="P16" s="116" t="str">
        <f>SUBSTITUTE(Categorization!P16,"x",'Categorization (2)'!P$4)</f>
        <v/>
      </c>
      <c r="Q16" s="116" t="str">
        <f>SUBSTITUTE(Categorization!Q16,"x",'Categorization (2)'!Q$4)</f>
        <v/>
      </c>
      <c r="R16" s="120" t="str">
        <f>SUBSTITUTE(Categorization!R16,"x",'Categorization (2)'!R$4)</f>
        <v/>
      </c>
      <c r="S16" s="120" t="str">
        <f>SUBSTITUTE(Categorization!S16,"x",'Categorization (2)'!S$4)</f>
        <v/>
      </c>
      <c r="T16" s="120" t="str">
        <f>SUBSTITUTE(Categorization!T16,"x",'Categorization (2)'!T$4)</f>
        <v/>
      </c>
      <c r="U16" s="120" t="str">
        <f>SUBSTITUTE(Categorization!U16,"x",'Categorization (2)'!U$4)</f>
        <v/>
      </c>
      <c r="V16" s="127" t="str">
        <f>SUBSTITUTE(Categorization!V16,"x",'Categorization (2)'!V$4)</f>
        <v/>
      </c>
      <c r="W16" s="127" t="str">
        <f>SUBSTITUTE(Categorization!W16,"x",'Categorization (2)'!W$4)</f>
        <v/>
      </c>
      <c r="X16" s="127" t="str">
        <f>SUBSTITUTE(Categorization!X16,"x",'Categorization (2)'!X$4)</f>
        <v/>
      </c>
      <c r="Y16" s="127" t="str">
        <f>SUBSTITUTE(Categorization!Y16,"x",'Categorization (2)'!Y$4)</f>
        <v/>
      </c>
      <c r="Z16" s="127" t="str">
        <f>SUBSTITUTE(Categorization!Z16,"x",'Categorization (2)'!Z$4)</f>
        <v/>
      </c>
      <c r="AA16" s="124" t="str">
        <f>SUBSTITUTE(Categorization!AA16,"x",'Categorization (2)'!AA$4)</f>
        <v/>
      </c>
      <c r="AB16" s="124" t="str">
        <f>SUBSTITUTE(Categorization!AB16,"x",'Categorization (2)'!AB$4)</f>
        <v/>
      </c>
      <c r="AC16" s="124" t="str">
        <f>SUBSTITUTE(Categorization!AC16,"x",'Categorization (2)'!AC$4)</f>
        <v/>
      </c>
      <c r="AD16" s="124" t="str">
        <f>SUBSTITUTE(Categorization!AD16,"x",'Categorization (2)'!AD$4)</f>
        <v/>
      </c>
      <c r="AE16" s="124" t="str">
        <f>SUBSTITUTE(Categorization!AE16,"x",'Categorization (2)'!AE$4)</f>
        <v/>
      </c>
      <c r="AF16" s="108" t="str">
        <f>SUBSTITUTE(Categorization!AF16,"x",'Categorization (2)'!AF$4)</f>
        <v/>
      </c>
      <c r="AG16" s="108" t="str">
        <f>SUBSTITUTE(Categorization!AG16,"x",'Categorization (2)'!AG$4)</f>
        <v/>
      </c>
      <c r="AH16" s="108" t="str">
        <f>SUBSTITUTE(Categorization!AH16,"x",'Categorization (2)'!AH$4)</f>
        <v/>
      </c>
      <c r="AI16" s="108" t="str">
        <f>SUBSTITUTE(Categorization!AI16,"x",'Categorization (2)'!AI$4)</f>
        <v/>
      </c>
      <c r="AJ16" s="108" t="str">
        <f>SUBSTITUTE(Categorization!AJ16,"x",'Categorization (2)'!AJ$4)</f>
        <v/>
      </c>
      <c r="AK16" s="116" t="str">
        <f>SUBSTITUTE(Categorization!AK16,"x",'Categorization (2)'!AK$4)</f>
        <v/>
      </c>
      <c r="AL16" s="129" t="str">
        <f>SUBSTITUTE(Categorization!AL16,"x",'Categorization (2)'!AL$4)</f>
        <v/>
      </c>
      <c r="AM16" s="129" t="str">
        <f>SUBSTITUTE(Categorization!AM16,"x",'Categorization (2)'!AM$4)</f>
        <v/>
      </c>
      <c r="AN16" s="131" t="str">
        <f>SUBSTITUTE(Categorization!AN16,"x",'Categorization (2)'!AN$4)</f>
        <v/>
      </c>
      <c r="AO16" s="131" t="str">
        <f>SUBSTITUTE(Categorization!AO16,"x",'Categorization (2)'!AO$4)</f>
        <v/>
      </c>
      <c r="AP16" s="131" t="str">
        <f>SUBSTITUTE(Categorization!AP16,"x",'Categorization (2)'!AP$4)</f>
        <v/>
      </c>
      <c r="AQ16" s="131" t="str">
        <f>SUBSTITUTE(Categorization!AQ16,"x",'Categorization (2)'!AQ$4)</f>
        <v/>
      </c>
      <c r="AR16" s="131" t="str">
        <f>SUBSTITUTE(Categorization!AR16,"x",'Categorization (2)'!AR$4)</f>
        <v/>
      </c>
      <c r="AS16" s="131" t="str">
        <f>SUBSTITUTE(Categorization!AS16,"x",'Categorization (2)'!AS$4)</f>
        <v/>
      </c>
      <c r="AT16" s="131" t="str">
        <f>SUBSTITUTE(Categorization!AT16,"x",'Categorization (2)'!AT$4)</f>
        <v/>
      </c>
      <c r="AU16" s="103"/>
      <c r="AV16" s="97"/>
    </row>
    <row r="17" spans="1:48" s="2" customFormat="1" ht="13.5" customHeight="1">
      <c r="A17" s="9"/>
      <c r="B17" s="9" t="s">
        <v>242</v>
      </c>
      <c r="C17" s="5">
        <v>13</v>
      </c>
      <c r="D17" s="7">
        <v>16</v>
      </c>
      <c r="E17" s="7">
        <v>760602</v>
      </c>
      <c r="F17" s="6" t="s">
        <v>73</v>
      </c>
      <c r="G17" s="23"/>
      <c r="H17" s="112" t="str">
        <f>SUBSTITUTE(Categorization!H17,"x",'Categorization (2)'!H$4)</f>
        <v/>
      </c>
      <c r="I17" s="112" t="str">
        <f>SUBSTITUTE(Categorization!I17,"x",'Categorization (2)'!I$4)</f>
        <v/>
      </c>
      <c r="J17" s="112" t="str">
        <f>SUBSTITUTE(Categorization!J17,"x",'Categorization (2)'!J$4)</f>
        <v/>
      </c>
      <c r="K17" s="112" t="str">
        <f>SUBSTITUTE(Categorization!K17,"x",'Categorization (2)'!K$4)</f>
        <v/>
      </c>
      <c r="L17" s="112" t="str">
        <f>SUBSTITUTE(Categorization!L17,"x",'Categorization (2)'!L$4)</f>
        <v/>
      </c>
      <c r="M17" s="112" t="str">
        <f>SUBSTITUTE(Categorization!M17,"x",'Categorization (2)'!M$4)</f>
        <v/>
      </c>
      <c r="N17" s="112" t="str">
        <f>SUBSTITUTE(Categorization!N17,"x",'Categorization (2)'!N$4)</f>
        <v/>
      </c>
      <c r="O17" s="112" t="str">
        <f>SUBSTITUTE(Categorization!O17,"x",'Categorization (2)'!O$4)</f>
        <v/>
      </c>
      <c r="P17" s="116" t="str">
        <f>SUBSTITUTE(Categorization!P17,"x",'Categorization (2)'!P$4)</f>
        <v/>
      </c>
      <c r="Q17" s="116" t="str">
        <f>SUBSTITUTE(Categorization!Q17,"x",'Categorization (2)'!Q$4)</f>
        <v/>
      </c>
      <c r="R17" s="120" t="str">
        <f>SUBSTITUTE(Categorization!R17,"x",'Categorization (2)'!R$4)</f>
        <v/>
      </c>
      <c r="S17" s="120" t="str">
        <f>SUBSTITUTE(Categorization!S17,"x",'Categorization (2)'!S$4)</f>
        <v/>
      </c>
      <c r="T17" s="120" t="str">
        <f>SUBSTITUTE(Categorization!T17,"x",'Categorization (2)'!T$4)</f>
        <v/>
      </c>
      <c r="U17" s="120" t="str">
        <f>SUBSTITUTE(Categorization!U17,"x",'Categorization (2)'!U$4)</f>
        <v/>
      </c>
      <c r="V17" s="127" t="str">
        <f>SUBSTITUTE(Categorization!V17,"x",'Categorization (2)'!V$4)</f>
        <v/>
      </c>
      <c r="W17" s="127" t="str">
        <f>SUBSTITUTE(Categorization!W17,"x",'Categorization (2)'!W$4)</f>
        <v/>
      </c>
      <c r="X17" s="127" t="str">
        <f>SUBSTITUTE(Categorization!X17,"x",'Categorization (2)'!X$4)</f>
        <v/>
      </c>
      <c r="Y17" s="127" t="str">
        <f>SUBSTITUTE(Categorization!Y17,"x",'Categorization (2)'!Y$4)</f>
        <v/>
      </c>
      <c r="Z17" s="127" t="str">
        <f>SUBSTITUTE(Categorization!Z17,"x",'Categorization (2)'!Z$4)</f>
        <v/>
      </c>
      <c r="AA17" s="124" t="str">
        <f>SUBSTITUTE(Categorization!AA17,"x",'Categorization (2)'!AA$4)</f>
        <v/>
      </c>
      <c r="AB17" s="124" t="str">
        <f>SUBSTITUTE(Categorization!AB17,"x",'Categorization (2)'!AB$4)</f>
        <v/>
      </c>
      <c r="AC17" s="124" t="str">
        <f>SUBSTITUTE(Categorization!AC17,"x",'Categorization (2)'!AC$4)</f>
        <v/>
      </c>
      <c r="AD17" s="124" t="str">
        <f>SUBSTITUTE(Categorization!AD17,"x",'Categorization (2)'!AD$4)</f>
        <v/>
      </c>
      <c r="AE17" s="124" t="str">
        <f>SUBSTITUTE(Categorization!AE17,"x",'Categorization (2)'!AE$4)</f>
        <v/>
      </c>
      <c r="AF17" s="108" t="str">
        <f>SUBSTITUTE(Categorization!AF17,"x",'Categorization (2)'!AF$4)</f>
        <v/>
      </c>
      <c r="AG17" s="108" t="str">
        <f>SUBSTITUTE(Categorization!AG17,"x",'Categorization (2)'!AG$4)</f>
        <v/>
      </c>
      <c r="AH17" s="108" t="str">
        <f>SUBSTITUTE(Categorization!AH17,"x",'Categorization (2)'!AH$4)</f>
        <v/>
      </c>
      <c r="AI17" s="108" t="str">
        <f>SUBSTITUTE(Categorization!AI17,"x",'Categorization (2)'!AI$4)</f>
        <v/>
      </c>
      <c r="AJ17" s="108" t="str">
        <f>SUBSTITUTE(Categorization!AJ17,"x",'Categorization (2)'!AJ$4)</f>
        <v/>
      </c>
      <c r="AK17" s="116" t="str">
        <f>SUBSTITUTE(Categorization!AK17,"x",'Categorization (2)'!AK$4)</f>
        <v/>
      </c>
      <c r="AL17" s="129" t="str">
        <f>SUBSTITUTE(Categorization!AL17,"x",'Categorization (2)'!AL$4)</f>
        <v/>
      </c>
      <c r="AM17" s="129" t="str">
        <f>SUBSTITUTE(Categorization!AM17,"x",'Categorization (2)'!AM$4)</f>
        <v/>
      </c>
      <c r="AN17" s="131" t="str">
        <f>SUBSTITUTE(Categorization!AN17,"x",'Categorization (2)'!AN$4)</f>
        <v/>
      </c>
      <c r="AO17" s="131" t="str">
        <f>SUBSTITUTE(Categorization!AO17,"x",'Categorization (2)'!AO$4)</f>
        <v/>
      </c>
      <c r="AP17" s="131" t="str">
        <f>SUBSTITUTE(Categorization!AP17,"x",'Categorization (2)'!AP$4)</f>
        <v/>
      </c>
      <c r="AQ17" s="131" t="str">
        <f>SUBSTITUTE(Categorization!AQ17,"x",'Categorization (2)'!AQ$4)</f>
        <v/>
      </c>
      <c r="AR17" s="131" t="str">
        <f>SUBSTITUTE(Categorization!AR17,"x",'Categorization (2)'!AR$4)</f>
        <v/>
      </c>
      <c r="AS17" s="131" t="str">
        <f>SUBSTITUTE(Categorization!AS17,"x",'Categorization (2)'!AS$4)</f>
        <v/>
      </c>
      <c r="AT17" s="131" t="str">
        <f>SUBSTITUTE(Categorization!AT17,"x",'Categorization (2)'!AT$4)</f>
        <v/>
      </c>
      <c r="AU17" s="103"/>
      <c r="AV17" s="97"/>
    </row>
    <row r="18" spans="1:48" s="2" customFormat="1" ht="13.5" customHeight="1">
      <c r="A18" s="9"/>
      <c r="B18" s="9" t="s">
        <v>242</v>
      </c>
      <c r="C18" s="5">
        <v>14</v>
      </c>
      <c r="D18" s="7">
        <v>12</v>
      </c>
      <c r="E18" s="7">
        <v>760931</v>
      </c>
      <c r="F18" s="6" t="s">
        <v>53</v>
      </c>
      <c r="G18" s="23"/>
      <c r="H18" s="112" t="str">
        <f>SUBSTITUTE(Categorization!H18,"x",'Categorization (2)'!H$4)</f>
        <v/>
      </c>
      <c r="I18" s="112" t="str">
        <f>SUBSTITUTE(Categorization!I18,"x",'Categorization (2)'!I$4)</f>
        <v/>
      </c>
      <c r="J18" s="112" t="str">
        <f>SUBSTITUTE(Categorization!J18,"x",'Categorization (2)'!J$4)</f>
        <v/>
      </c>
      <c r="K18" s="112" t="str">
        <f>SUBSTITUTE(Categorization!K18,"x",'Categorization (2)'!K$4)</f>
        <v/>
      </c>
      <c r="L18" s="112" t="str">
        <f>SUBSTITUTE(Categorization!L18,"x",'Categorization (2)'!L$4)</f>
        <v/>
      </c>
      <c r="M18" s="112" t="str">
        <f>SUBSTITUTE(Categorization!M18,"x",'Categorization (2)'!M$4)</f>
        <v/>
      </c>
      <c r="N18" s="112" t="str">
        <f>SUBSTITUTE(Categorization!N18,"x",'Categorization (2)'!N$4)</f>
        <v/>
      </c>
      <c r="O18" s="112" t="str">
        <f>SUBSTITUTE(Categorization!O18,"x",'Categorization (2)'!O$4)</f>
        <v/>
      </c>
      <c r="P18" s="116" t="str">
        <f>SUBSTITUTE(Categorization!P18,"x",'Categorization (2)'!P$4)</f>
        <v/>
      </c>
      <c r="Q18" s="116" t="str">
        <f>SUBSTITUTE(Categorization!Q18,"x",'Categorization (2)'!Q$4)</f>
        <v/>
      </c>
      <c r="R18" s="120" t="str">
        <f>SUBSTITUTE(Categorization!R18,"x",'Categorization (2)'!R$4)</f>
        <v/>
      </c>
      <c r="S18" s="120" t="str">
        <f>SUBSTITUTE(Categorization!S18,"x",'Categorization (2)'!S$4)</f>
        <v/>
      </c>
      <c r="T18" s="120" t="str">
        <f>SUBSTITUTE(Categorization!T18,"x",'Categorization (2)'!T$4)</f>
        <v/>
      </c>
      <c r="U18" s="120" t="str">
        <f>SUBSTITUTE(Categorization!U18,"x",'Categorization (2)'!U$4)</f>
        <v/>
      </c>
      <c r="V18" s="127" t="str">
        <f>SUBSTITUTE(Categorization!V18,"x",'Categorization (2)'!V$4)</f>
        <v/>
      </c>
      <c r="W18" s="127" t="str">
        <f>SUBSTITUTE(Categorization!W18,"x",'Categorization (2)'!W$4)</f>
        <v/>
      </c>
      <c r="X18" s="127" t="str">
        <f>SUBSTITUTE(Categorization!X18,"x",'Categorization (2)'!X$4)</f>
        <v/>
      </c>
      <c r="Y18" s="127" t="str">
        <f>SUBSTITUTE(Categorization!Y18,"x",'Categorization (2)'!Y$4)</f>
        <v/>
      </c>
      <c r="Z18" s="127" t="str">
        <f>SUBSTITUTE(Categorization!Z18,"x",'Categorization (2)'!Z$4)</f>
        <v/>
      </c>
      <c r="AA18" s="124" t="str">
        <f>SUBSTITUTE(Categorization!AA18,"x",'Categorization (2)'!AA$4)</f>
        <v/>
      </c>
      <c r="AB18" s="124" t="str">
        <f>SUBSTITUTE(Categorization!AB18,"x",'Categorization (2)'!AB$4)</f>
        <v/>
      </c>
      <c r="AC18" s="124" t="str">
        <f>SUBSTITUTE(Categorization!AC18,"x",'Categorization (2)'!AC$4)</f>
        <v/>
      </c>
      <c r="AD18" s="124" t="str">
        <f>SUBSTITUTE(Categorization!AD18,"x",'Categorization (2)'!AD$4)</f>
        <v/>
      </c>
      <c r="AE18" s="124" t="str">
        <f>SUBSTITUTE(Categorization!AE18,"x",'Categorization (2)'!AE$4)</f>
        <v/>
      </c>
      <c r="AF18" s="108" t="str">
        <f>SUBSTITUTE(Categorization!AF18,"x",'Categorization (2)'!AF$4)</f>
        <v/>
      </c>
      <c r="AG18" s="108" t="str">
        <f>SUBSTITUTE(Categorization!AG18,"x",'Categorization (2)'!AG$4)</f>
        <v/>
      </c>
      <c r="AH18" s="108" t="str">
        <f>SUBSTITUTE(Categorization!AH18,"x",'Categorization (2)'!AH$4)</f>
        <v/>
      </c>
      <c r="AI18" s="108" t="str">
        <f>SUBSTITUTE(Categorization!AI18,"x",'Categorization (2)'!AI$4)</f>
        <v/>
      </c>
      <c r="AJ18" s="108" t="str">
        <f>SUBSTITUTE(Categorization!AJ18,"x",'Categorization (2)'!AJ$4)</f>
        <v/>
      </c>
      <c r="AK18" s="116" t="str">
        <f>SUBSTITUTE(Categorization!AK18,"x",'Categorization (2)'!AK$4)</f>
        <v/>
      </c>
      <c r="AL18" s="129" t="str">
        <f>SUBSTITUTE(Categorization!AL18,"x",'Categorization (2)'!AL$4)</f>
        <v/>
      </c>
      <c r="AM18" s="129" t="str">
        <f>SUBSTITUTE(Categorization!AM18,"x",'Categorization (2)'!AM$4)</f>
        <v/>
      </c>
      <c r="AN18" s="131" t="str">
        <f>SUBSTITUTE(Categorization!AN18,"x",'Categorization (2)'!AN$4)</f>
        <v/>
      </c>
      <c r="AO18" s="131" t="str">
        <f>SUBSTITUTE(Categorization!AO18,"x",'Categorization (2)'!AO$4)</f>
        <v/>
      </c>
      <c r="AP18" s="131" t="str">
        <f>SUBSTITUTE(Categorization!AP18,"x",'Categorization (2)'!AP$4)</f>
        <v/>
      </c>
      <c r="AQ18" s="131" t="str">
        <f>SUBSTITUTE(Categorization!AQ18,"x",'Categorization (2)'!AQ$4)</f>
        <v/>
      </c>
      <c r="AR18" s="131" t="str">
        <f>SUBSTITUTE(Categorization!AR18,"x",'Categorization (2)'!AR$4)</f>
        <v/>
      </c>
      <c r="AS18" s="131" t="str">
        <f>SUBSTITUTE(Categorization!AS18,"x",'Categorization (2)'!AS$4)</f>
        <v/>
      </c>
      <c r="AT18" s="131" t="str">
        <f>SUBSTITUTE(Categorization!AT18,"x",'Categorization (2)'!AT$4)</f>
        <v/>
      </c>
      <c r="AU18" s="103"/>
      <c r="AV18" s="97"/>
    </row>
    <row r="19" spans="1:48" s="2" customFormat="1" ht="13.5" customHeight="1">
      <c r="A19" s="9"/>
      <c r="B19" s="9" t="s">
        <v>242</v>
      </c>
      <c r="C19" s="5">
        <v>15</v>
      </c>
      <c r="D19" s="7">
        <v>12</v>
      </c>
      <c r="E19" s="7">
        <v>760922</v>
      </c>
      <c r="F19" s="6" t="s">
        <v>263</v>
      </c>
      <c r="G19" s="23"/>
      <c r="H19" s="112" t="str">
        <f>SUBSTITUTE(Categorization!H19,"x",'Categorization (2)'!H$4)</f>
        <v/>
      </c>
      <c r="I19" s="112" t="str">
        <f>SUBSTITUTE(Categorization!I19,"x",'Categorization (2)'!I$4)</f>
        <v/>
      </c>
      <c r="J19" s="112" t="str">
        <f>SUBSTITUTE(Categorization!J19,"x",'Categorization (2)'!J$4)</f>
        <v/>
      </c>
      <c r="K19" s="112" t="str">
        <f>SUBSTITUTE(Categorization!K19,"x",'Categorization (2)'!K$4)</f>
        <v/>
      </c>
      <c r="L19" s="112" t="str">
        <f>SUBSTITUTE(Categorization!L19,"x",'Categorization (2)'!L$4)</f>
        <v/>
      </c>
      <c r="M19" s="112" t="str">
        <f>SUBSTITUTE(Categorization!M19,"x",'Categorization (2)'!M$4)</f>
        <v/>
      </c>
      <c r="N19" s="112" t="str">
        <f>SUBSTITUTE(Categorization!N19,"x",'Categorization (2)'!N$4)</f>
        <v/>
      </c>
      <c r="O19" s="112" t="str">
        <f>SUBSTITUTE(Categorization!O19,"x",'Categorization (2)'!O$4)</f>
        <v/>
      </c>
      <c r="P19" s="116" t="str">
        <f>SUBSTITUTE(Categorization!P19,"x",'Categorization (2)'!P$4)</f>
        <v/>
      </c>
      <c r="Q19" s="116" t="str">
        <f>SUBSTITUTE(Categorization!Q19,"x",'Categorization (2)'!Q$4)</f>
        <v/>
      </c>
      <c r="R19" s="120" t="str">
        <f>SUBSTITUTE(Categorization!R19,"x",'Categorization (2)'!R$4)</f>
        <v/>
      </c>
      <c r="S19" s="120" t="str">
        <f>SUBSTITUTE(Categorization!S19,"x",'Categorization (2)'!S$4)</f>
        <v/>
      </c>
      <c r="T19" s="120" t="str">
        <f>SUBSTITUTE(Categorization!T19,"x",'Categorization (2)'!T$4)</f>
        <v/>
      </c>
      <c r="U19" s="120" t="str">
        <f>SUBSTITUTE(Categorization!U19,"x",'Categorization (2)'!U$4)</f>
        <v/>
      </c>
      <c r="V19" s="127" t="str">
        <f>SUBSTITUTE(Categorization!V19,"x",'Categorization (2)'!V$4)</f>
        <v/>
      </c>
      <c r="W19" s="127" t="str">
        <f>SUBSTITUTE(Categorization!W19,"x",'Categorization (2)'!W$4)</f>
        <v/>
      </c>
      <c r="X19" s="127" t="str">
        <f>SUBSTITUTE(Categorization!X19,"x",'Categorization (2)'!X$4)</f>
        <v/>
      </c>
      <c r="Y19" s="127" t="str">
        <f>SUBSTITUTE(Categorization!Y19,"x",'Categorization (2)'!Y$4)</f>
        <v/>
      </c>
      <c r="Z19" s="127" t="str">
        <f>SUBSTITUTE(Categorization!Z19,"x",'Categorization (2)'!Z$4)</f>
        <v/>
      </c>
      <c r="AA19" s="124" t="str">
        <f>SUBSTITUTE(Categorization!AA19,"x",'Categorization (2)'!AA$4)</f>
        <v/>
      </c>
      <c r="AB19" s="124" t="str">
        <f>SUBSTITUTE(Categorization!AB19,"x",'Categorization (2)'!AB$4)</f>
        <v/>
      </c>
      <c r="AC19" s="124" t="str">
        <f>SUBSTITUTE(Categorization!AC19,"x",'Categorization (2)'!AC$4)</f>
        <v/>
      </c>
      <c r="AD19" s="124" t="str">
        <f>SUBSTITUTE(Categorization!AD19,"x",'Categorization (2)'!AD$4)</f>
        <v/>
      </c>
      <c r="AE19" s="124" t="str">
        <f>SUBSTITUTE(Categorization!AE19,"x",'Categorization (2)'!AE$4)</f>
        <v/>
      </c>
      <c r="AF19" s="108" t="str">
        <f>SUBSTITUTE(Categorization!AF19,"x",'Categorization (2)'!AF$4)</f>
        <v/>
      </c>
      <c r="AG19" s="108" t="str">
        <f>SUBSTITUTE(Categorization!AG19,"x",'Categorization (2)'!AG$4)</f>
        <v/>
      </c>
      <c r="AH19" s="108" t="str">
        <f>SUBSTITUTE(Categorization!AH19,"x",'Categorization (2)'!AH$4)</f>
        <v/>
      </c>
      <c r="AI19" s="108" t="str">
        <f>SUBSTITUTE(Categorization!AI19,"x",'Categorization (2)'!AI$4)</f>
        <v/>
      </c>
      <c r="AJ19" s="108" t="str">
        <f>SUBSTITUTE(Categorization!AJ19,"x",'Categorization (2)'!AJ$4)</f>
        <v/>
      </c>
      <c r="AK19" s="116" t="str">
        <f>SUBSTITUTE(Categorization!AK19,"x",'Categorization (2)'!AK$4)</f>
        <v/>
      </c>
      <c r="AL19" s="129" t="str">
        <f>SUBSTITUTE(Categorization!AL19,"x",'Categorization (2)'!AL$4)</f>
        <v/>
      </c>
      <c r="AM19" s="129" t="str">
        <f>SUBSTITUTE(Categorization!AM19,"x",'Categorization (2)'!AM$4)</f>
        <v/>
      </c>
      <c r="AN19" s="131" t="str">
        <f>SUBSTITUTE(Categorization!AN19,"x",'Categorization (2)'!AN$4)</f>
        <v/>
      </c>
      <c r="AO19" s="131" t="str">
        <f>SUBSTITUTE(Categorization!AO19,"x",'Categorization (2)'!AO$4)</f>
        <v/>
      </c>
      <c r="AP19" s="131" t="str">
        <f>SUBSTITUTE(Categorization!AP19,"x",'Categorization (2)'!AP$4)</f>
        <v/>
      </c>
      <c r="AQ19" s="131" t="str">
        <f>SUBSTITUTE(Categorization!AQ19,"x",'Categorization (2)'!AQ$4)</f>
        <v/>
      </c>
      <c r="AR19" s="131" t="str">
        <f>SUBSTITUTE(Categorization!AR19,"x",'Categorization (2)'!AR$4)</f>
        <v/>
      </c>
      <c r="AS19" s="131" t="str">
        <f>SUBSTITUTE(Categorization!AS19,"x",'Categorization (2)'!AS$4)</f>
        <v/>
      </c>
      <c r="AT19" s="131" t="str">
        <f>SUBSTITUTE(Categorization!AT19,"x",'Categorization (2)'!AT$4)</f>
        <v/>
      </c>
      <c r="AU19" s="103"/>
      <c r="AV19" s="97"/>
    </row>
    <row r="20" spans="1:48" s="2" customFormat="1" ht="13.5" customHeight="1">
      <c r="A20" s="9"/>
      <c r="B20" s="9" t="s">
        <v>242</v>
      </c>
      <c r="C20" s="5">
        <v>16</v>
      </c>
      <c r="D20" s="7">
        <v>30</v>
      </c>
      <c r="E20" s="7">
        <v>761703</v>
      </c>
      <c r="F20" s="6" t="s">
        <v>4</v>
      </c>
      <c r="G20" s="23"/>
      <c r="H20" s="112" t="str">
        <f>SUBSTITUTE(Categorization!H20,"x",'Categorization (2)'!H$4)</f>
        <v/>
      </c>
      <c r="I20" s="112" t="str">
        <f>SUBSTITUTE(Categorization!I20,"x",'Categorization (2)'!I$4)</f>
        <v/>
      </c>
      <c r="J20" s="112" t="str">
        <f>SUBSTITUTE(Categorization!J20,"x",'Categorization (2)'!J$4)</f>
        <v/>
      </c>
      <c r="K20" s="112" t="str">
        <f>SUBSTITUTE(Categorization!K20,"x",'Categorization (2)'!K$4)</f>
        <v/>
      </c>
      <c r="L20" s="112" t="str">
        <f>SUBSTITUTE(Categorization!L20,"x",'Categorization (2)'!L$4)</f>
        <v/>
      </c>
      <c r="M20" s="112" t="str">
        <f>SUBSTITUTE(Categorization!M20,"x",'Categorization (2)'!M$4)</f>
        <v/>
      </c>
      <c r="N20" s="112" t="str">
        <f>SUBSTITUTE(Categorization!N20,"x",'Categorization (2)'!N$4)</f>
        <v/>
      </c>
      <c r="O20" s="112" t="str">
        <f>SUBSTITUTE(Categorization!O20,"x",'Categorization (2)'!O$4)</f>
        <v/>
      </c>
      <c r="P20" s="116" t="str">
        <f>SUBSTITUTE(Categorization!P20,"x",'Categorization (2)'!P$4)</f>
        <v/>
      </c>
      <c r="Q20" s="116" t="str">
        <f>SUBSTITUTE(Categorization!Q20,"x",'Categorization (2)'!Q$4)</f>
        <v/>
      </c>
      <c r="R20" s="120" t="str">
        <f>SUBSTITUTE(Categorization!R20,"x",'Categorization (2)'!R$4)</f>
        <v/>
      </c>
      <c r="S20" s="120" t="str">
        <f>SUBSTITUTE(Categorization!S20,"x",'Categorization (2)'!S$4)</f>
        <v/>
      </c>
      <c r="T20" s="120" t="str">
        <f>SUBSTITUTE(Categorization!T20,"x",'Categorization (2)'!T$4)</f>
        <v/>
      </c>
      <c r="U20" s="120" t="str">
        <f>SUBSTITUTE(Categorization!U20,"x",'Categorization (2)'!U$4)</f>
        <v/>
      </c>
      <c r="V20" s="127" t="str">
        <f>SUBSTITUTE(Categorization!V20,"x",'Categorization (2)'!V$4)</f>
        <v/>
      </c>
      <c r="W20" s="127" t="str">
        <f>SUBSTITUTE(Categorization!W20,"x",'Categorization (2)'!W$4)</f>
        <v/>
      </c>
      <c r="X20" s="127" t="str">
        <f>SUBSTITUTE(Categorization!X20,"x",'Categorization (2)'!X$4)</f>
        <v/>
      </c>
      <c r="Y20" s="127" t="str">
        <f>SUBSTITUTE(Categorization!Y20,"x",'Categorization (2)'!Y$4)</f>
        <v/>
      </c>
      <c r="Z20" s="127" t="str">
        <f>SUBSTITUTE(Categorization!Z20,"x",'Categorization (2)'!Z$4)</f>
        <v/>
      </c>
      <c r="AA20" s="124" t="str">
        <f>SUBSTITUTE(Categorization!AA20,"x",'Categorization (2)'!AA$4)</f>
        <v/>
      </c>
      <c r="AB20" s="124" t="str">
        <f>SUBSTITUTE(Categorization!AB20,"x",'Categorization (2)'!AB$4)</f>
        <v/>
      </c>
      <c r="AC20" s="124" t="str">
        <f>SUBSTITUTE(Categorization!AC20,"x",'Categorization (2)'!AC$4)</f>
        <v/>
      </c>
      <c r="AD20" s="124" t="str">
        <f>SUBSTITUTE(Categorization!AD20,"x",'Categorization (2)'!AD$4)</f>
        <v/>
      </c>
      <c r="AE20" s="124" t="str">
        <f>SUBSTITUTE(Categorization!AE20,"x",'Categorization (2)'!AE$4)</f>
        <v/>
      </c>
      <c r="AF20" s="108" t="str">
        <f>SUBSTITUTE(Categorization!AF20,"x",'Categorization (2)'!AF$4)</f>
        <v/>
      </c>
      <c r="AG20" s="108" t="str">
        <f>SUBSTITUTE(Categorization!AG20,"x",'Categorization (2)'!AG$4)</f>
        <v/>
      </c>
      <c r="AH20" s="108" t="str">
        <f>SUBSTITUTE(Categorization!AH20,"x",'Categorization (2)'!AH$4)</f>
        <v/>
      </c>
      <c r="AI20" s="108" t="str">
        <f>SUBSTITUTE(Categorization!AI20,"x",'Categorization (2)'!AI$4)</f>
        <v/>
      </c>
      <c r="AJ20" s="108" t="str">
        <f>SUBSTITUTE(Categorization!AJ20,"x",'Categorization (2)'!AJ$4)</f>
        <v/>
      </c>
      <c r="AK20" s="116" t="str">
        <f>SUBSTITUTE(Categorization!AK20,"x",'Categorization (2)'!AK$4)</f>
        <v/>
      </c>
      <c r="AL20" s="129" t="str">
        <f>SUBSTITUTE(Categorization!AL20,"x",'Categorization (2)'!AL$4)</f>
        <v/>
      </c>
      <c r="AM20" s="129" t="str">
        <f>SUBSTITUTE(Categorization!AM20,"x",'Categorization (2)'!AM$4)</f>
        <v/>
      </c>
      <c r="AN20" s="131" t="str">
        <f>SUBSTITUTE(Categorization!AN20,"x",'Categorization (2)'!AN$4)</f>
        <v/>
      </c>
      <c r="AO20" s="131" t="str">
        <f>SUBSTITUTE(Categorization!AO20,"x",'Categorization (2)'!AO$4)</f>
        <v/>
      </c>
      <c r="AP20" s="131" t="str">
        <f>SUBSTITUTE(Categorization!AP20,"x",'Categorization (2)'!AP$4)</f>
        <v/>
      </c>
      <c r="AQ20" s="131" t="str">
        <f>SUBSTITUTE(Categorization!AQ20,"x",'Categorization (2)'!AQ$4)</f>
        <v/>
      </c>
      <c r="AR20" s="131" t="str">
        <f>SUBSTITUTE(Categorization!AR20,"x",'Categorization (2)'!AR$4)</f>
        <v/>
      </c>
      <c r="AS20" s="131" t="str">
        <f>SUBSTITUTE(Categorization!AS20,"x",'Categorization (2)'!AS$4)</f>
        <v/>
      </c>
      <c r="AT20" s="131" t="str">
        <f>SUBSTITUTE(Categorization!AT20,"x",'Categorization (2)'!AT$4)</f>
        <v/>
      </c>
      <c r="AU20" s="103"/>
      <c r="AV20" s="97"/>
    </row>
    <row r="21" spans="1:48" s="2" customFormat="1" ht="13.5" customHeight="1">
      <c r="A21" s="9"/>
      <c r="B21" s="9" t="s">
        <v>245</v>
      </c>
      <c r="C21" s="5">
        <v>17</v>
      </c>
      <c r="D21" s="7">
        <v>14</v>
      </c>
      <c r="E21" s="7">
        <v>750403</v>
      </c>
      <c r="F21" s="6" t="s">
        <v>264</v>
      </c>
      <c r="G21" s="23"/>
      <c r="H21" s="112" t="str">
        <f>SUBSTITUTE(Categorization!H21,"x",'Categorization (2)'!H$4)</f>
        <v/>
      </c>
      <c r="I21" s="112" t="str">
        <f>SUBSTITUTE(Categorization!I21,"x",'Categorization (2)'!I$4)</f>
        <v/>
      </c>
      <c r="J21" s="112" t="str">
        <f>SUBSTITUTE(Categorization!J21,"x",'Categorization (2)'!J$4)</f>
        <v/>
      </c>
      <c r="K21" s="112" t="str">
        <f>SUBSTITUTE(Categorization!K21,"x",'Categorization (2)'!K$4)</f>
        <v/>
      </c>
      <c r="L21" s="112" t="str">
        <f>SUBSTITUTE(Categorization!L21,"x",'Categorization (2)'!L$4)</f>
        <v/>
      </c>
      <c r="M21" s="112" t="str">
        <f>SUBSTITUTE(Categorization!M21,"x",'Categorization (2)'!M$4)</f>
        <v/>
      </c>
      <c r="N21" s="112" t="str">
        <f>SUBSTITUTE(Categorization!N21,"x",'Categorization (2)'!N$4)</f>
        <v/>
      </c>
      <c r="O21" s="112" t="str">
        <f>SUBSTITUTE(Categorization!O21,"x",'Categorization (2)'!O$4)</f>
        <v/>
      </c>
      <c r="P21" s="116" t="str">
        <f>SUBSTITUTE(Categorization!P21,"x",'Categorization (2)'!P$4)</f>
        <v/>
      </c>
      <c r="Q21" s="116" t="str">
        <f>SUBSTITUTE(Categorization!Q21,"x",'Categorization (2)'!Q$4)</f>
        <v/>
      </c>
      <c r="R21" s="120" t="str">
        <f>SUBSTITUTE(Categorization!R21,"x",'Categorization (2)'!R$4)</f>
        <v/>
      </c>
      <c r="S21" s="120" t="str">
        <f>SUBSTITUTE(Categorization!S21,"x",'Categorization (2)'!S$4)</f>
        <v/>
      </c>
      <c r="T21" s="120" t="str">
        <f>SUBSTITUTE(Categorization!T21,"x",'Categorization (2)'!T$4)</f>
        <v/>
      </c>
      <c r="U21" s="120" t="str">
        <f>SUBSTITUTE(Categorization!U21,"x",'Categorization (2)'!U$4)</f>
        <v/>
      </c>
      <c r="V21" s="127" t="str">
        <f>SUBSTITUTE(Categorization!V21,"x",'Categorization (2)'!V$4)</f>
        <v/>
      </c>
      <c r="W21" s="127" t="str">
        <f>SUBSTITUTE(Categorization!W21,"x",'Categorization (2)'!W$4)</f>
        <v/>
      </c>
      <c r="X21" s="127" t="str">
        <f>SUBSTITUTE(Categorization!X21,"x",'Categorization (2)'!X$4)</f>
        <v/>
      </c>
      <c r="Y21" s="127" t="str">
        <f>SUBSTITUTE(Categorization!Y21,"x",'Categorization (2)'!Y$4)</f>
        <v/>
      </c>
      <c r="Z21" s="127" t="str">
        <f>SUBSTITUTE(Categorization!Z21,"x",'Categorization (2)'!Z$4)</f>
        <v/>
      </c>
      <c r="AA21" s="124" t="str">
        <f>SUBSTITUTE(Categorization!AA21,"x",'Categorization (2)'!AA$4)</f>
        <v/>
      </c>
      <c r="AB21" s="124" t="str">
        <f>SUBSTITUTE(Categorization!AB21,"x",'Categorization (2)'!AB$4)</f>
        <v/>
      </c>
      <c r="AC21" s="124" t="str">
        <f>SUBSTITUTE(Categorization!AC21,"x",'Categorization (2)'!AC$4)</f>
        <v/>
      </c>
      <c r="AD21" s="124" t="str">
        <f>SUBSTITUTE(Categorization!AD21,"x",'Categorization (2)'!AD$4)</f>
        <v/>
      </c>
      <c r="AE21" s="124" t="str">
        <f>SUBSTITUTE(Categorization!AE21,"x",'Categorization (2)'!AE$4)</f>
        <v/>
      </c>
      <c r="AF21" s="108" t="str">
        <f>SUBSTITUTE(Categorization!AF21,"x",'Categorization (2)'!AF$4)</f>
        <v/>
      </c>
      <c r="AG21" s="108" t="str">
        <f>SUBSTITUTE(Categorization!AG21,"x",'Categorization (2)'!AG$4)</f>
        <v/>
      </c>
      <c r="AH21" s="108" t="str">
        <f>SUBSTITUTE(Categorization!AH21,"x",'Categorization (2)'!AH$4)</f>
        <v/>
      </c>
      <c r="AI21" s="108" t="str">
        <f>SUBSTITUTE(Categorization!AI21,"x",'Categorization (2)'!AI$4)</f>
        <v/>
      </c>
      <c r="AJ21" s="108" t="str">
        <f>SUBSTITUTE(Categorization!AJ21,"x",'Categorization (2)'!AJ$4)</f>
        <v/>
      </c>
      <c r="AK21" s="116" t="str">
        <f>SUBSTITUTE(Categorization!AK21,"x",'Categorization (2)'!AK$4)</f>
        <v xml:space="preserve">Dla niego/ Mężczyzna/ / </v>
      </c>
      <c r="AL21" s="129" t="str">
        <f>SUBSTITUTE(Categorization!AL21,"x",'Categorization (2)'!AL$4)</f>
        <v/>
      </c>
      <c r="AM21" s="129" t="str">
        <f>SUBSTITUTE(Categorization!AM21,"x",'Categorization (2)'!AM$4)</f>
        <v/>
      </c>
      <c r="AN21" s="131" t="str">
        <f>SUBSTITUTE(Categorization!AN21,"x",'Categorization (2)'!AN$4)</f>
        <v/>
      </c>
      <c r="AO21" s="131" t="str">
        <f>SUBSTITUTE(Categorization!AO21,"x",'Categorization (2)'!AO$4)</f>
        <v/>
      </c>
      <c r="AP21" s="131" t="str">
        <f>SUBSTITUTE(Categorization!AP21,"x",'Categorization (2)'!AP$4)</f>
        <v/>
      </c>
      <c r="AQ21" s="131" t="str">
        <f>SUBSTITUTE(Categorization!AQ21,"x",'Categorization (2)'!AQ$4)</f>
        <v/>
      </c>
      <c r="AR21" s="131" t="str">
        <f>SUBSTITUTE(Categorization!AR21,"x",'Categorization (2)'!AR$4)</f>
        <v/>
      </c>
      <c r="AS21" s="131" t="str">
        <f>SUBSTITUTE(Categorization!AS21,"x",'Categorization (2)'!AS$4)</f>
        <v/>
      </c>
      <c r="AT21" s="131" t="str">
        <f>SUBSTITUTE(Categorization!AT21,"x",'Categorization (2)'!AT$4)</f>
        <v/>
      </c>
      <c r="AU21" s="103"/>
      <c r="AV21" s="97"/>
    </row>
    <row r="22" spans="1:48" s="2" customFormat="1" ht="13.5" customHeight="1">
      <c r="A22" s="9"/>
      <c r="B22" s="9" t="s">
        <v>245</v>
      </c>
      <c r="C22" s="5">
        <v>18</v>
      </c>
      <c r="D22" s="7">
        <v>24</v>
      </c>
      <c r="E22" s="7">
        <v>750651</v>
      </c>
      <c r="F22" s="6" t="s">
        <v>66</v>
      </c>
      <c r="G22" s="23"/>
      <c r="H22" s="112" t="str">
        <f>SUBSTITUTE(Categorization!H22,"x",'Categorization (2)'!H$4)</f>
        <v/>
      </c>
      <c r="I22" s="112" t="str">
        <f>SUBSTITUTE(Categorization!I22,"x",'Categorization (2)'!I$4)</f>
        <v/>
      </c>
      <c r="J22" s="112" t="str">
        <f>SUBSTITUTE(Categorization!J22,"x",'Categorization (2)'!J$4)</f>
        <v/>
      </c>
      <c r="K22" s="112" t="str">
        <f>SUBSTITUTE(Categorization!K22,"x",'Categorization (2)'!K$4)</f>
        <v/>
      </c>
      <c r="L22" s="112" t="str">
        <f>SUBSTITUTE(Categorization!L22,"x",'Categorization (2)'!L$4)</f>
        <v/>
      </c>
      <c r="M22" s="112" t="str">
        <f>SUBSTITUTE(Categorization!M22,"x",'Categorization (2)'!M$4)</f>
        <v/>
      </c>
      <c r="N22" s="112" t="str">
        <f>SUBSTITUTE(Categorization!N22,"x",'Categorization (2)'!N$4)</f>
        <v/>
      </c>
      <c r="O22" s="112" t="str">
        <f>SUBSTITUTE(Categorization!O22,"x",'Categorization (2)'!O$4)</f>
        <v/>
      </c>
      <c r="P22" s="116" t="str">
        <f>SUBSTITUTE(Categorization!P22,"x",'Categorization (2)'!P$4)</f>
        <v/>
      </c>
      <c r="Q22" s="116" t="str">
        <f>SUBSTITUTE(Categorization!Q22,"x",'Categorization (2)'!Q$4)</f>
        <v/>
      </c>
      <c r="R22" s="120" t="str">
        <f>SUBSTITUTE(Categorization!R22,"x",'Categorization (2)'!R$4)</f>
        <v/>
      </c>
      <c r="S22" s="120" t="str">
        <f>SUBSTITUTE(Categorization!S22,"x",'Categorization (2)'!S$4)</f>
        <v/>
      </c>
      <c r="T22" s="120" t="str">
        <f>SUBSTITUTE(Categorization!T22,"x",'Categorization (2)'!T$4)</f>
        <v/>
      </c>
      <c r="U22" s="120" t="str">
        <f>SUBSTITUTE(Categorization!U22,"x",'Categorization (2)'!U$4)</f>
        <v/>
      </c>
      <c r="V22" s="127" t="str">
        <f>SUBSTITUTE(Categorization!V22,"x",'Categorization (2)'!V$4)</f>
        <v/>
      </c>
      <c r="W22" s="127" t="str">
        <f>SUBSTITUTE(Categorization!W22,"x",'Categorization (2)'!W$4)</f>
        <v/>
      </c>
      <c r="X22" s="127" t="str">
        <f>SUBSTITUTE(Categorization!X22,"x",'Categorization (2)'!X$4)</f>
        <v/>
      </c>
      <c r="Y22" s="127" t="str">
        <f>SUBSTITUTE(Categorization!Y22,"x",'Categorization (2)'!Y$4)</f>
        <v/>
      </c>
      <c r="Z22" s="127" t="str">
        <f>SUBSTITUTE(Categorization!Z22,"x",'Categorization (2)'!Z$4)</f>
        <v/>
      </c>
      <c r="AA22" s="124" t="str">
        <f>SUBSTITUTE(Categorization!AA22,"x",'Categorization (2)'!AA$4)</f>
        <v/>
      </c>
      <c r="AB22" s="124" t="str">
        <f>SUBSTITUTE(Categorization!AB22,"x",'Categorization (2)'!AB$4)</f>
        <v/>
      </c>
      <c r="AC22" s="124" t="str">
        <f>SUBSTITUTE(Categorization!AC22,"x",'Categorization (2)'!AC$4)</f>
        <v/>
      </c>
      <c r="AD22" s="124" t="str">
        <f>SUBSTITUTE(Categorization!AD22,"x",'Categorization (2)'!AD$4)</f>
        <v/>
      </c>
      <c r="AE22" s="124" t="str">
        <f>SUBSTITUTE(Categorization!AE22,"x",'Categorization (2)'!AE$4)</f>
        <v/>
      </c>
      <c r="AF22" s="108" t="str">
        <f>SUBSTITUTE(Categorization!AF22,"x",'Categorization (2)'!AF$4)</f>
        <v/>
      </c>
      <c r="AG22" s="108" t="str">
        <f>SUBSTITUTE(Categorization!AG22,"x",'Categorization (2)'!AG$4)</f>
        <v/>
      </c>
      <c r="AH22" s="108" t="str">
        <f>SUBSTITUTE(Categorization!AH22,"x",'Categorization (2)'!AH$4)</f>
        <v/>
      </c>
      <c r="AI22" s="108" t="str">
        <f>SUBSTITUTE(Categorization!AI22,"x",'Categorization (2)'!AI$4)</f>
        <v/>
      </c>
      <c r="AJ22" s="108" t="str">
        <f>SUBSTITUTE(Categorization!AJ22,"x",'Categorization (2)'!AJ$4)</f>
        <v/>
      </c>
      <c r="AK22" s="116" t="str">
        <f>SUBSTITUTE(Categorization!AK22,"x",'Categorization (2)'!AK$4)</f>
        <v xml:space="preserve">Dla niego/ Mężczyzna/ / </v>
      </c>
      <c r="AL22" s="129" t="str">
        <f>SUBSTITUTE(Categorization!AL22,"x",'Categorization (2)'!AL$4)</f>
        <v/>
      </c>
      <c r="AM22" s="129" t="str">
        <f>SUBSTITUTE(Categorization!AM22,"x",'Categorization (2)'!AM$4)</f>
        <v/>
      </c>
      <c r="AN22" s="131" t="str">
        <f>SUBSTITUTE(Categorization!AN22,"x",'Categorization (2)'!AN$4)</f>
        <v/>
      </c>
      <c r="AO22" s="131" t="str">
        <f>SUBSTITUTE(Categorization!AO22,"x",'Categorization (2)'!AO$4)</f>
        <v/>
      </c>
      <c r="AP22" s="131" t="str">
        <f>SUBSTITUTE(Categorization!AP22,"x",'Categorization (2)'!AP$4)</f>
        <v/>
      </c>
      <c r="AQ22" s="131" t="str">
        <f>SUBSTITUTE(Categorization!AQ22,"x",'Categorization (2)'!AQ$4)</f>
        <v/>
      </c>
      <c r="AR22" s="131" t="str">
        <f>SUBSTITUTE(Categorization!AR22,"x",'Categorization (2)'!AR$4)</f>
        <v/>
      </c>
      <c r="AS22" s="131" t="str">
        <f>SUBSTITUTE(Categorization!AS22,"x",'Categorization (2)'!AS$4)</f>
        <v/>
      </c>
      <c r="AT22" s="131" t="str">
        <f>SUBSTITUTE(Categorization!AT22,"x",'Categorization (2)'!AT$4)</f>
        <v/>
      </c>
      <c r="AU22" s="103"/>
      <c r="AV22" s="97"/>
    </row>
    <row r="23" spans="1:48" s="2" customFormat="1" ht="13.5" customHeight="1">
      <c r="A23" s="9"/>
      <c r="B23" s="9" t="s">
        <v>245</v>
      </c>
      <c r="C23" s="5">
        <v>19</v>
      </c>
      <c r="D23" s="7">
        <v>20</v>
      </c>
      <c r="E23" s="7">
        <v>750776</v>
      </c>
      <c r="F23" s="6" t="s">
        <v>54</v>
      </c>
      <c r="G23" s="23"/>
      <c r="H23" s="112" t="str">
        <f>SUBSTITUTE(Categorization!H23,"x",'Categorization (2)'!H$4)</f>
        <v/>
      </c>
      <c r="I23" s="112" t="str">
        <f>SUBSTITUTE(Categorization!I23,"x",'Categorization (2)'!I$4)</f>
        <v/>
      </c>
      <c r="J23" s="112" t="str">
        <f>SUBSTITUTE(Categorization!J23,"x",'Categorization (2)'!J$4)</f>
        <v/>
      </c>
      <c r="K23" s="112" t="str">
        <f>SUBSTITUTE(Categorization!K23,"x",'Categorization (2)'!K$4)</f>
        <v/>
      </c>
      <c r="L23" s="112" t="str">
        <f>SUBSTITUTE(Categorization!L23,"x",'Categorization (2)'!L$4)</f>
        <v/>
      </c>
      <c r="M23" s="112" t="str">
        <f>SUBSTITUTE(Categorization!M23,"x",'Categorization (2)'!M$4)</f>
        <v/>
      </c>
      <c r="N23" s="112" t="str">
        <f>SUBSTITUTE(Categorization!N23,"x",'Categorization (2)'!N$4)</f>
        <v/>
      </c>
      <c r="O23" s="112" t="str">
        <f>SUBSTITUTE(Categorization!O23,"x",'Categorization (2)'!O$4)</f>
        <v/>
      </c>
      <c r="P23" s="116" t="str">
        <f>SUBSTITUTE(Categorization!P23,"x",'Categorization (2)'!P$4)</f>
        <v/>
      </c>
      <c r="Q23" s="116" t="str">
        <f>SUBSTITUTE(Categorization!Q23,"x",'Categorization (2)'!Q$4)</f>
        <v/>
      </c>
      <c r="R23" s="120" t="str">
        <f>SUBSTITUTE(Categorization!R23,"x",'Categorization (2)'!R$4)</f>
        <v/>
      </c>
      <c r="S23" s="120" t="str">
        <f>SUBSTITUTE(Categorization!S23,"x",'Categorization (2)'!S$4)</f>
        <v/>
      </c>
      <c r="T23" s="120" t="str">
        <f>SUBSTITUTE(Categorization!T23,"x",'Categorization (2)'!T$4)</f>
        <v/>
      </c>
      <c r="U23" s="120" t="str">
        <f>SUBSTITUTE(Categorization!U23,"x",'Categorization (2)'!U$4)</f>
        <v/>
      </c>
      <c r="V23" s="127" t="str">
        <f>SUBSTITUTE(Categorization!V23,"x",'Categorization (2)'!V$4)</f>
        <v/>
      </c>
      <c r="W23" s="127" t="str">
        <f>SUBSTITUTE(Categorization!W23,"x",'Categorization (2)'!W$4)</f>
        <v/>
      </c>
      <c r="X23" s="127" t="str">
        <f>SUBSTITUTE(Categorization!X23,"x",'Categorization (2)'!X$4)</f>
        <v/>
      </c>
      <c r="Y23" s="127" t="str">
        <f>SUBSTITUTE(Categorization!Y23,"x",'Categorization (2)'!Y$4)</f>
        <v/>
      </c>
      <c r="Z23" s="127" t="str">
        <f>SUBSTITUTE(Categorization!Z23,"x",'Categorization (2)'!Z$4)</f>
        <v/>
      </c>
      <c r="AA23" s="124" t="str">
        <f>SUBSTITUTE(Categorization!AA23,"x",'Categorization (2)'!AA$4)</f>
        <v/>
      </c>
      <c r="AB23" s="124" t="str">
        <f>SUBSTITUTE(Categorization!AB23,"x",'Categorization (2)'!AB$4)</f>
        <v/>
      </c>
      <c r="AC23" s="124" t="str">
        <f>SUBSTITUTE(Categorization!AC23,"x",'Categorization (2)'!AC$4)</f>
        <v/>
      </c>
      <c r="AD23" s="124" t="str">
        <f>SUBSTITUTE(Categorization!AD23,"x",'Categorization (2)'!AD$4)</f>
        <v/>
      </c>
      <c r="AE23" s="124" t="str">
        <f>SUBSTITUTE(Categorization!AE23,"x",'Categorization (2)'!AE$4)</f>
        <v/>
      </c>
      <c r="AF23" s="108" t="str">
        <f>SUBSTITUTE(Categorization!AF23,"x",'Categorization (2)'!AF$4)</f>
        <v/>
      </c>
      <c r="AG23" s="108" t="str">
        <f>SUBSTITUTE(Categorization!AG23,"x",'Categorization (2)'!AG$4)</f>
        <v/>
      </c>
      <c r="AH23" s="108" t="str">
        <f>SUBSTITUTE(Categorization!AH23,"x",'Categorization (2)'!AH$4)</f>
        <v/>
      </c>
      <c r="AI23" s="108" t="str">
        <f>SUBSTITUTE(Categorization!AI23,"x",'Categorization (2)'!AI$4)</f>
        <v/>
      </c>
      <c r="AJ23" s="108" t="str">
        <f>SUBSTITUTE(Categorization!AJ23,"x",'Categorization (2)'!AJ$4)</f>
        <v/>
      </c>
      <c r="AK23" s="116" t="str">
        <f>SUBSTITUTE(Categorization!AK23,"x",'Categorization (2)'!AK$4)</f>
        <v xml:space="preserve">Dla niego/ Mężczyzna/ / </v>
      </c>
      <c r="AL23" s="129" t="str">
        <f>SUBSTITUTE(Categorization!AL23,"x",'Categorization (2)'!AL$4)</f>
        <v/>
      </c>
      <c r="AM23" s="129" t="str">
        <f>SUBSTITUTE(Categorization!AM23,"x",'Categorization (2)'!AM$4)</f>
        <v/>
      </c>
      <c r="AN23" s="131" t="str">
        <f>SUBSTITUTE(Categorization!AN23,"x",'Categorization (2)'!AN$4)</f>
        <v/>
      </c>
      <c r="AO23" s="131" t="str">
        <f>SUBSTITUTE(Categorization!AO23,"x",'Categorization (2)'!AO$4)</f>
        <v/>
      </c>
      <c r="AP23" s="131" t="str">
        <f>SUBSTITUTE(Categorization!AP23,"x",'Categorization (2)'!AP$4)</f>
        <v/>
      </c>
      <c r="AQ23" s="131" t="str">
        <f>SUBSTITUTE(Categorization!AQ23,"x",'Categorization (2)'!AQ$4)</f>
        <v/>
      </c>
      <c r="AR23" s="131" t="str">
        <f>SUBSTITUTE(Categorization!AR23,"x",'Categorization (2)'!AR$4)</f>
        <v/>
      </c>
      <c r="AS23" s="131" t="str">
        <f>SUBSTITUTE(Categorization!AS23,"x",'Categorization (2)'!AS$4)</f>
        <v/>
      </c>
      <c r="AT23" s="131" t="str">
        <f>SUBSTITUTE(Categorization!AT23,"x",'Categorization (2)'!AT$4)</f>
        <v/>
      </c>
      <c r="AU23" s="103"/>
      <c r="AV23" s="97"/>
    </row>
    <row r="24" spans="1:48" s="2" customFormat="1" ht="13.5" customHeight="1">
      <c r="A24" s="9"/>
      <c r="B24" s="9" t="s">
        <v>245</v>
      </c>
      <c r="C24" s="5">
        <v>20</v>
      </c>
      <c r="D24" s="11">
        <v>20</v>
      </c>
      <c r="E24" s="11">
        <v>750858</v>
      </c>
      <c r="F24" s="10" t="s">
        <v>60</v>
      </c>
      <c r="G24" s="23"/>
      <c r="H24" s="112" t="str">
        <f>SUBSTITUTE(Categorization!H24,"x",'Categorization (2)'!H$4)</f>
        <v/>
      </c>
      <c r="I24" s="112" t="str">
        <f>SUBSTITUTE(Categorization!I24,"x",'Categorization (2)'!I$4)</f>
        <v/>
      </c>
      <c r="J24" s="112" t="str">
        <f>SUBSTITUTE(Categorization!J24,"x",'Categorization (2)'!J$4)</f>
        <v/>
      </c>
      <c r="K24" s="112" t="str">
        <f>SUBSTITUTE(Categorization!K24,"x",'Categorization (2)'!K$4)</f>
        <v/>
      </c>
      <c r="L24" s="112" t="str">
        <f>SUBSTITUTE(Categorization!L24,"x",'Categorization (2)'!L$4)</f>
        <v/>
      </c>
      <c r="M24" s="112" t="str">
        <f>SUBSTITUTE(Categorization!M24,"x",'Categorization (2)'!M$4)</f>
        <v/>
      </c>
      <c r="N24" s="112" t="str">
        <f>SUBSTITUTE(Categorization!N24,"x",'Categorization (2)'!N$4)</f>
        <v/>
      </c>
      <c r="O24" s="112" t="str">
        <f>SUBSTITUTE(Categorization!O24,"x",'Categorization (2)'!O$4)</f>
        <v/>
      </c>
      <c r="P24" s="116" t="str">
        <f>SUBSTITUTE(Categorization!P24,"x",'Categorization (2)'!P$4)</f>
        <v/>
      </c>
      <c r="Q24" s="116" t="str">
        <f>SUBSTITUTE(Categorization!Q24,"x",'Categorization (2)'!Q$4)</f>
        <v/>
      </c>
      <c r="R24" s="120" t="str">
        <f>SUBSTITUTE(Categorization!R24,"x",'Categorization (2)'!R$4)</f>
        <v/>
      </c>
      <c r="S24" s="120" t="str">
        <f>SUBSTITUTE(Categorization!S24,"x",'Categorization (2)'!S$4)</f>
        <v/>
      </c>
      <c r="T24" s="120" t="str">
        <f>SUBSTITUTE(Categorization!T24,"x",'Categorization (2)'!T$4)</f>
        <v/>
      </c>
      <c r="U24" s="120" t="str">
        <f>SUBSTITUTE(Categorization!U24,"x",'Categorization (2)'!U$4)</f>
        <v/>
      </c>
      <c r="V24" s="127" t="str">
        <f>SUBSTITUTE(Categorization!V24,"x",'Categorization (2)'!V$4)</f>
        <v/>
      </c>
      <c r="W24" s="127" t="str">
        <f>SUBSTITUTE(Categorization!W24,"x",'Categorization (2)'!W$4)</f>
        <v/>
      </c>
      <c r="X24" s="127" t="str">
        <f>SUBSTITUTE(Categorization!X24,"x",'Categorization (2)'!X$4)</f>
        <v/>
      </c>
      <c r="Y24" s="127" t="str">
        <f>SUBSTITUTE(Categorization!Y24,"x",'Categorization (2)'!Y$4)</f>
        <v/>
      </c>
      <c r="Z24" s="127" t="str">
        <f>SUBSTITUTE(Categorization!Z24,"x",'Categorization (2)'!Z$4)</f>
        <v/>
      </c>
      <c r="AA24" s="124" t="str">
        <f>SUBSTITUTE(Categorization!AA24,"x",'Categorization (2)'!AA$4)</f>
        <v/>
      </c>
      <c r="AB24" s="124" t="str">
        <f>SUBSTITUTE(Categorization!AB24,"x",'Categorization (2)'!AB$4)</f>
        <v/>
      </c>
      <c r="AC24" s="124" t="str">
        <f>SUBSTITUTE(Categorization!AC24,"x",'Categorization (2)'!AC$4)</f>
        <v/>
      </c>
      <c r="AD24" s="124" t="str">
        <f>SUBSTITUTE(Categorization!AD24,"x",'Categorization (2)'!AD$4)</f>
        <v/>
      </c>
      <c r="AE24" s="124" t="str">
        <f>SUBSTITUTE(Categorization!AE24,"x",'Categorization (2)'!AE$4)</f>
        <v/>
      </c>
      <c r="AF24" s="108" t="str">
        <f>SUBSTITUTE(Categorization!AF24,"x",'Categorization (2)'!AF$4)</f>
        <v/>
      </c>
      <c r="AG24" s="108" t="str">
        <f>SUBSTITUTE(Categorization!AG24,"x",'Categorization (2)'!AG$4)</f>
        <v/>
      </c>
      <c r="AH24" s="108" t="str">
        <f>SUBSTITUTE(Categorization!AH24,"x",'Categorization (2)'!AH$4)</f>
        <v/>
      </c>
      <c r="AI24" s="108" t="str">
        <f>SUBSTITUTE(Categorization!AI24,"x",'Categorization (2)'!AI$4)</f>
        <v/>
      </c>
      <c r="AJ24" s="108" t="str">
        <f>SUBSTITUTE(Categorization!AJ24,"x",'Categorization (2)'!AJ$4)</f>
        <v/>
      </c>
      <c r="AK24" s="116" t="str">
        <f>SUBSTITUTE(Categorization!AK24,"x",'Categorization (2)'!AK$4)</f>
        <v xml:space="preserve">Dla niego/ Mężczyzna/ / </v>
      </c>
      <c r="AL24" s="129" t="str">
        <f>SUBSTITUTE(Categorization!AL24,"x",'Categorization (2)'!AL$4)</f>
        <v/>
      </c>
      <c r="AM24" s="129" t="str">
        <f>SUBSTITUTE(Categorization!AM24,"x",'Categorization (2)'!AM$4)</f>
        <v/>
      </c>
      <c r="AN24" s="131" t="str">
        <f>SUBSTITUTE(Categorization!AN24,"x",'Categorization (2)'!AN$4)</f>
        <v/>
      </c>
      <c r="AO24" s="131" t="str">
        <f>SUBSTITUTE(Categorization!AO24,"x",'Categorization (2)'!AO$4)</f>
        <v/>
      </c>
      <c r="AP24" s="131" t="str">
        <f>SUBSTITUTE(Categorization!AP24,"x",'Categorization (2)'!AP$4)</f>
        <v/>
      </c>
      <c r="AQ24" s="131" t="str">
        <f>SUBSTITUTE(Categorization!AQ24,"x",'Categorization (2)'!AQ$4)</f>
        <v/>
      </c>
      <c r="AR24" s="131" t="str">
        <f>SUBSTITUTE(Categorization!AR24,"x",'Categorization (2)'!AR$4)</f>
        <v/>
      </c>
      <c r="AS24" s="131" t="str">
        <f>SUBSTITUTE(Categorization!AS24,"x",'Categorization (2)'!AS$4)</f>
        <v/>
      </c>
      <c r="AT24" s="131" t="str">
        <f>SUBSTITUTE(Categorization!AT24,"x",'Categorization (2)'!AT$4)</f>
        <v/>
      </c>
      <c r="AU24" s="103"/>
      <c r="AV24" s="97"/>
    </row>
    <row r="25" spans="1:48" s="2" customFormat="1" ht="13.5" customHeight="1">
      <c r="A25" s="9"/>
      <c r="B25" s="9" t="s">
        <v>246</v>
      </c>
      <c r="C25" s="5">
        <v>21</v>
      </c>
      <c r="D25" s="7">
        <v>15</v>
      </c>
      <c r="E25" s="11">
        <v>791415</v>
      </c>
      <c r="F25" s="6" t="s">
        <v>61</v>
      </c>
      <c r="G25" s="23"/>
      <c r="H25" s="112" t="str">
        <f>SUBSTITUTE(Categorization!H25,"x",'Categorization (2)'!H$4)</f>
        <v/>
      </c>
      <c r="I25" s="112" t="str">
        <f>SUBSTITUTE(Categorization!I25,"x",'Categorization (2)'!I$4)</f>
        <v/>
      </c>
      <c r="J25" s="112" t="str">
        <f>SUBSTITUTE(Categorization!J25,"x",'Categorization (2)'!J$4)</f>
        <v/>
      </c>
      <c r="K25" s="112" t="str">
        <f>SUBSTITUTE(Categorization!K25,"x",'Categorization (2)'!K$4)</f>
        <v/>
      </c>
      <c r="L25" s="112" t="str">
        <f>SUBSTITUTE(Categorization!L25,"x",'Categorization (2)'!L$4)</f>
        <v/>
      </c>
      <c r="M25" s="112" t="str">
        <f>SUBSTITUTE(Categorization!M25,"x",'Categorization (2)'!M$4)</f>
        <v/>
      </c>
      <c r="N25" s="112" t="str">
        <f>SUBSTITUTE(Categorization!N25,"x",'Categorization (2)'!N$4)</f>
        <v/>
      </c>
      <c r="O25" s="112" t="str">
        <f>SUBSTITUTE(Categorization!O25,"x",'Categorization (2)'!O$4)</f>
        <v/>
      </c>
      <c r="P25" s="116" t="str">
        <f>SUBSTITUTE(Categorization!P25,"x",'Categorization (2)'!P$4)</f>
        <v/>
      </c>
      <c r="Q25" s="116" t="str">
        <f>SUBSTITUTE(Categorization!Q25,"x",'Categorization (2)'!Q$4)</f>
        <v/>
      </c>
      <c r="R25" s="120" t="str">
        <f>SUBSTITUTE(Categorization!R25,"x",'Categorization (2)'!R$4)</f>
        <v/>
      </c>
      <c r="S25" s="120" t="str">
        <f>SUBSTITUTE(Categorization!S25,"x",'Categorization (2)'!S$4)</f>
        <v/>
      </c>
      <c r="T25" s="120" t="str">
        <f>SUBSTITUTE(Categorization!T25,"x",'Categorization (2)'!T$4)</f>
        <v/>
      </c>
      <c r="U25" s="120" t="str">
        <f>SUBSTITUTE(Categorization!U25,"x",'Categorization (2)'!U$4)</f>
        <v/>
      </c>
      <c r="V25" s="127" t="str">
        <f>SUBSTITUTE(Categorization!V25,"x",'Categorization (2)'!V$4)</f>
        <v xml:space="preserve">Środki opatrunkowe i higeniczne/ Pieluchy dla dorosłych/ </v>
      </c>
      <c r="W25" s="127" t="str">
        <f>SUBSTITUTE(Categorization!W25,"x",'Categorization (2)'!W$4)</f>
        <v/>
      </c>
      <c r="X25" s="127" t="str">
        <f>SUBSTITUTE(Categorization!X25,"x",'Categorization (2)'!X$4)</f>
        <v/>
      </c>
      <c r="Y25" s="127" t="str">
        <f>SUBSTITUTE(Categorization!Y25,"x",'Categorization (2)'!Y$4)</f>
        <v/>
      </c>
      <c r="Z25" s="127" t="str">
        <f>SUBSTITUTE(Categorization!Z25,"x",'Categorization (2)'!Z$4)</f>
        <v/>
      </c>
      <c r="AA25" s="124" t="str">
        <f>SUBSTITUTE(Categorization!AA25,"x",'Categorization (2)'!AA$4)</f>
        <v/>
      </c>
      <c r="AB25" s="124" t="str">
        <f>SUBSTITUTE(Categorization!AB25,"x",'Categorization (2)'!AB$4)</f>
        <v/>
      </c>
      <c r="AC25" s="124" t="str">
        <f>SUBSTITUTE(Categorization!AC25,"x",'Categorization (2)'!AC$4)</f>
        <v xml:space="preserve">Ciąża i dziecko/ Mama i dziecko/ Majtki i wkładki poporodowe/ </v>
      </c>
      <c r="AD25" s="124" t="str">
        <f>SUBSTITUTE(Categorization!AD25,"x",'Categorization (2)'!AD$4)</f>
        <v/>
      </c>
      <c r="AE25" s="124" t="str">
        <f>SUBSTITUTE(Categorization!AE25,"x",'Categorization (2)'!AE$4)</f>
        <v/>
      </c>
      <c r="AF25" s="108" t="str">
        <f>SUBSTITUTE(Categorization!AF25,"x",'Categorization (2)'!AF$4)</f>
        <v/>
      </c>
      <c r="AG25" s="108" t="str">
        <f>SUBSTITUTE(Categorization!AG25,"x",'Categorization (2)'!AG$4)</f>
        <v xml:space="preserve">Drogi moczowe/ nietrzymanie moczu/ Pieluchomajtki/ </v>
      </c>
      <c r="AH25" s="108" t="str">
        <f>SUBSTITUTE(Categorization!AH25,"x",'Categorization (2)'!AH$4)</f>
        <v xml:space="preserve">Drogi moczowe/ nietrzymanie moczu/ Pieluchy dla dorosłych/ </v>
      </c>
      <c r="AI25" s="108" t="str">
        <f>SUBSTITUTE(Categorization!AI25,"x",'Categorization (2)'!AI$4)</f>
        <v/>
      </c>
      <c r="AJ25" s="108" t="str">
        <f>SUBSTITUTE(Categorization!AJ25,"x",'Categorization (2)'!AJ$4)</f>
        <v xml:space="preserve">Drogi moczowe/ nietrzymanie moczu/ Majtki chłonne/ </v>
      </c>
      <c r="AK25" s="116" t="str">
        <f>SUBSTITUTE(Categorization!AK25,"x",'Categorization (2)'!AK$4)</f>
        <v/>
      </c>
      <c r="AL25" s="129" t="str">
        <f>SUBSTITUTE(Categorization!AL25,"x",'Categorization (2)'!AL$4)</f>
        <v/>
      </c>
      <c r="AM25" s="129" t="str">
        <f>SUBSTITUTE(Categorization!AM25,"x",'Categorization (2)'!AM$4)</f>
        <v/>
      </c>
      <c r="AN25" s="131" t="str">
        <f>SUBSTITUTE(Categorization!AN25,"x",'Categorization (2)'!AN$4)</f>
        <v/>
      </c>
      <c r="AO25" s="131" t="str">
        <f>SUBSTITUTE(Categorization!AO25,"x",'Categorization (2)'!AO$4)</f>
        <v xml:space="preserve">Sklep rehabilitacyjny/ Higiena i pielęgnacja chorych/ </v>
      </c>
      <c r="AP25" s="131" t="str">
        <f>SUBSTITUTE(Categorization!AP25,"x",'Categorization (2)'!AP$4)</f>
        <v/>
      </c>
      <c r="AQ25" s="131" t="str">
        <f>SUBSTITUTE(Categorization!AQ25,"x",'Categorization (2)'!AQ$4)</f>
        <v/>
      </c>
      <c r="AR25" s="131" t="str">
        <f>SUBSTITUTE(Categorization!AR25,"x",'Categorization (2)'!AR$4)</f>
        <v xml:space="preserve">Sklep rehabilitacyjny/ Artykuły medyczne i rehabilitacyjne/ </v>
      </c>
      <c r="AS25" s="131" t="str">
        <f>SUBSTITUTE(Categorization!AS25,"x",'Categorization (2)'!AS$4)</f>
        <v xml:space="preserve">Sklep rehabilitacyjny/ Akcesoria dla osób starszych i niepełnosprawnych/ </v>
      </c>
      <c r="AT25" s="131" t="str">
        <f>SUBSTITUTE(Categorization!AT25,"x",'Categorization (2)'!AT$4)</f>
        <v/>
      </c>
      <c r="AU25" s="103"/>
      <c r="AV25" s="97"/>
    </row>
    <row r="26" spans="1:48" s="2" customFormat="1" ht="13.5" customHeight="1">
      <c r="A26" s="9"/>
      <c r="B26" s="9" t="s">
        <v>246</v>
      </c>
      <c r="C26" s="5">
        <v>22</v>
      </c>
      <c r="D26" s="7">
        <v>10</v>
      </c>
      <c r="E26" s="11">
        <v>791510</v>
      </c>
      <c r="F26" s="6" t="s">
        <v>67</v>
      </c>
      <c r="G26" s="23"/>
      <c r="H26" s="112" t="str">
        <f>SUBSTITUTE(Categorization!H26,"x",'Categorization (2)'!H$4)</f>
        <v/>
      </c>
      <c r="I26" s="112" t="str">
        <f>SUBSTITUTE(Categorization!I26,"x",'Categorization (2)'!I$4)</f>
        <v/>
      </c>
      <c r="J26" s="112" t="str">
        <f>SUBSTITUTE(Categorization!J26,"x",'Categorization (2)'!J$4)</f>
        <v/>
      </c>
      <c r="K26" s="112" t="str">
        <f>SUBSTITUTE(Categorization!K26,"x",'Categorization (2)'!K$4)</f>
        <v/>
      </c>
      <c r="L26" s="112" t="str">
        <f>SUBSTITUTE(Categorization!L26,"x",'Categorization (2)'!L$4)</f>
        <v/>
      </c>
      <c r="M26" s="112" t="str">
        <f>SUBSTITUTE(Categorization!M26,"x",'Categorization (2)'!M$4)</f>
        <v/>
      </c>
      <c r="N26" s="112" t="str">
        <f>SUBSTITUTE(Categorization!N26,"x",'Categorization (2)'!N$4)</f>
        <v/>
      </c>
      <c r="O26" s="112" t="str">
        <f>SUBSTITUTE(Categorization!O26,"x",'Categorization (2)'!O$4)</f>
        <v/>
      </c>
      <c r="P26" s="116" t="str">
        <f>SUBSTITUTE(Categorization!P26,"x",'Categorization (2)'!P$4)</f>
        <v/>
      </c>
      <c r="Q26" s="116" t="str">
        <f>SUBSTITUTE(Categorization!Q26,"x",'Categorization (2)'!Q$4)</f>
        <v/>
      </c>
      <c r="R26" s="120" t="str">
        <f>SUBSTITUTE(Categorization!R26,"x",'Categorization (2)'!R$4)</f>
        <v/>
      </c>
      <c r="S26" s="120" t="str">
        <f>SUBSTITUTE(Categorization!S26,"x",'Categorization (2)'!S$4)</f>
        <v/>
      </c>
      <c r="T26" s="120" t="str">
        <f>SUBSTITUTE(Categorization!T26,"x",'Categorization (2)'!T$4)</f>
        <v/>
      </c>
      <c r="U26" s="120" t="str">
        <f>SUBSTITUTE(Categorization!U26,"x",'Categorization (2)'!U$4)</f>
        <v/>
      </c>
      <c r="V26" s="127" t="str">
        <f>SUBSTITUTE(Categorization!V26,"x",'Categorization (2)'!V$4)</f>
        <v xml:space="preserve">Środki opatrunkowe i higeniczne/ Pieluchy dla dorosłych/ </v>
      </c>
      <c r="W26" s="127" t="str">
        <f>SUBSTITUTE(Categorization!W26,"x",'Categorization (2)'!W$4)</f>
        <v/>
      </c>
      <c r="X26" s="127" t="str">
        <f>SUBSTITUTE(Categorization!X26,"x",'Categorization (2)'!X$4)</f>
        <v/>
      </c>
      <c r="Y26" s="127" t="str">
        <f>SUBSTITUTE(Categorization!Y26,"x",'Categorization (2)'!Y$4)</f>
        <v/>
      </c>
      <c r="Z26" s="127" t="str">
        <f>SUBSTITUTE(Categorization!Z26,"x",'Categorization (2)'!Z$4)</f>
        <v/>
      </c>
      <c r="AA26" s="124" t="str">
        <f>SUBSTITUTE(Categorization!AA26,"x",'Categorization (2)'!AA$4)</f>
        <v xml:space="preserve">Ciąża i dziecko/ Mama i dziecko/ Wyprawka do szpitala/ </v>
      </c>
      <c r="AB26" s="124" t="str">
        <f>SUBSTITUTE(Categorization!AB26,"x",'Categorization (2)'!AB$4)</f>
        <v/>
      </c>
      <c r="AC26" s="124" t="str">
        <f>SUBSTITUTE(Categorization!AC26,"x",'Categorization (2)'!AC$4)</f>
        <v xml:space="preserve">Ciąża i dziecko/ Mama i dziecko/ Majtki i wkładki poporodowe/ </v>
      </c>
      <c r="AD26" s="124" t="str">
        <f>SUBSTITUTE(Categorization!AD26,"x",'Categorization (2)'!AD$4)</f>
        <v/>
      </c>
      <c r="AE26" s="124" t="str">
        <f>SUBSTITUTE(Categorization!AE26,"x",'Categorization (2)'!AE$4)</f>
        <v/>
      </c>
      <c r="AF26" s="108" t="str">
        <f>SUBSTITUTE(Categorization!AF26,"x",'Categorization (2)'!AF$4)</f>
        <v/>
      </c>
      <c r="AG26" s="108" t="str">
        <f>SUBSTITUTE(Categorization!AG26,"x",'Categorization (2)'!AG$4)</f>
        <v xml:space="preserve">Drogi moczowe/ nietrzymanie moczu/ Pieluchomajtki/ </v>
      </c>
      <c r="AH26" s="108" t="str">
        <f>SUBSTITUTE(Categorization!AH26,"x",'Categorization (2)'!AH$4)</f>
        <v xml:space="preserve">Drogi moczowe/ nietrzymanie moczu/ Pieluchy dla dorosłych/ </v>
      </c>
      <c r="AI26" s="108" t="str">
        <f>SUBSTITUTE(Categorization!AI26,"x",'Categorization (2)'!AI$4)</f>
        <v/>
      </c>
      <c r="AJ26" s="108" t="str">
        <f>SUBSTITUTE(Categorization!AJ26,"x",'Categorization (2)'!AJ$4)</f>
        <v xml:space="preserve">Drogi moczowe/ nietrzymanie moczu/ Majtki chłonne/ </v>
      </c>
      <c r="AK26" s="116" t="str">
        <f>SUBSTITUTE(Categorization!AK26,"x",'Categorization (2)'!AK$4)</f>
        <v/>
      </c>
      <c r="AL26" s="129" t="str">
        <f>SUBSTITUTE(Categorization!AL26,"x",'Categorization (2)'!AL$4)</f>
        <v/>
      </c>
      <c r="AM26" s="129" t="str">
        <f>SUBSTITUTE(Categorization!AM26,"x",'Categorization (2)'!AM$4)</f>
        <v/>
      </c>
      <c r="AN26" s="131" t="str">
        <f>SUBSTITUTE(Categorization!AN26,"x",'Categorization (2)'!AN$4)</f>
        <v/>
      </c>
      <c r="AO26" s="131" t="str">
        <f>SUBSTITUTE(Categorization!AO26,"x",'Categorization (2)'!AO$4)</f>
        <v xml:space="preserve">Sklep rehabilitacyjny/ Higiena i pielęgnacja chorych/ </v>
      </c>
      <c r="AP26" s="131" t="str">
        <f>SUBSTITUTE(Categorization!AP26,"x",'Categorization (2)'!AP$4)</f>
        <v/>
      </c>
      <c r="AQ26" s="131" t="str">
        <f>SUBSTITUTE(Categorization!AQ26,"x",'Categorization (2)'!AQ$4)</f>
        <v/>
      </c>
      <c r="AR26" s="131" t="str">
        <f>SUBSTITUTE(Categorization!AR26,"x",'Categorization (2)'!AR$4)</f>
        <v xml:space="preserve">Sklep rehabilitacyjny/ Artykuły medyczne i rehabilitacyjne/ </v>
      </c>
      <c r="AS26" s="131" t="str">
        <f>SUBSTITUTE(Categorization!AS26,"x",'Categorization (2)'!AS$4)</f>
        <v xml:space="preserve">Sklep rehabilitacyjny/ Akcesoria dla osób starszych i niepełnosprawnych/ </v>
      </c>
      <c r="AT26" s="131" t="str">
        <f>SUBSTITUTE(Categorization!AT26,"x",'Categorization (2)'!AT$4)</f>
        <v/>
      </c>
      <c r="AU26" s="103"/>
      <c r="AV26" s="97"/>
    </row>
    <row r="27" spans="1:48" s="2" customFormat="1" ht="13.5" customHeight="1">
      <c r="A27" s="9"/>
      <c r="B27" s="9" t="s">
        <v>246</v>
      </c>
      <c r="C27" s="5">
        <v>23</v>
      </c>
      <c r="D27" s="11">
        <v>30</v>
      </c>
      <c r="E27" s="11">
        <v>791530</v>
      </c>
      <c r="F27" s="6" t="s">
        <v>56</v>
      </c>
      <c r="G27" s="23"/>
      <c r="H27" s="112" t="str">
        <f>SUBSTITUTE(Categorization!H27,"x",'Categorization (2)'!H$4)</f>
        <v/>
      </c>
      <c r="I27" s="112" t="str">
        <f>SUBSTITUTE(Categorization!I27,"x",'Categorization (2)'!I$4)</f>
        <v/>
      </c>
      <c r="J27" s="112" t="str">
        <f>SUBSTITUTE(Categorization!J27,"x",'Categorization (2)'!J$4)</f>
        <v/>
      </c>
      <c r="K27" s="112" t="str">
        <f>SUBSTITUTE(Categorization!K27,"x",'Categorization (2)'!K$4)</f>
        <v/>
      </c>
      <c r="L27" s="112" t="str">
        <f>SUBSTITUTE(Categorization!L27,"x",'Categorization (2)'!L$4)</f>
        <v/>
      </c>
      <c r="M27" s="112" t="str">
        <f>SUBSTITUTE(Categorization!M27,"x",'Categorization (2)'!M$4)</f>
        <v/>
      </c>
      <c r="N27" s="112" t="str">
        <f>SUBSTITUTE(Categorization!N27,"x",'Categorization (2)'!N$4)</f>
        <v/>
      </c>
      <c r="O27" s="112" t="str">
        <f>SUBSTITUTE(Categorization!O27,"x",'Categorization (2)'!O$4)</f>
        <v/>
      </c>
      <c r="P27" s="116" t="str">
        <f>SUBSTITUTE(Categorization!P27,"x",'Categorization (2)'!P$4)</f>
        <v/>
      </c>
      <c r="Q27" s="116" t="str">
        <f>SUBSTITUTE(Categorization!Q27,"x",'Categorization (2)'!Q$4)</f>
        <v/>
      </c>
      <c r="R27" s="120" t="str">
        <f>SUBSTITUTE(Categorization!R27,"x",'Categorization (2)'!R$4)</f>
        <v/>
      </c>
      <c r="S27" s="120" t="str">
        <f>SUBSTITUTE(Categorization!S27,"x",'Categorization (2)'!S$4)</f>
        <v/>
      </c>
      <c r="T27" s="120" t="str">
        <f>SUBSTITUTE(Categorization!T27,"x",'Categorization (2)'!T$4)</f>
        <v/>
      </c>
      <c r="U27" s="120" t="str">
        <f>SUBSTITUTE(Categorization!U27,"x",'Categorization (2)'!U$4)</f>
        <v/>
      </c>
      <c r="V27" s="127" t="str">
        <f>SUBSTITUTE(Categorization!V27,"x",'Categorization (2)'!V$4)</f>
        <v xml:space="preserve">Środki opatrunkowe i higeniczne/ Pieluchy dla dorosłych/ </v>
      </c>
      <c r="W27" s="127" t="str">
        <f>SUBSTITUTE(Categorization!W27,"x",'Categorization (2)'!W$4)</f>
        <v/>
      </c>
      <c r="X27" s="127" t="str">
        <f>SUBSTITUTE(Categorization!X27,"x",'Categorization (2)'!X$4)</f>
        <v/>
      </c>
      <c r="Y27" s="127" t="str">
        <f>SUBSTITUTE(Categorization!Y27,"x",'Categorization (2)'!Y$4)</f>
        <v/>
      </c>
      <c r="Z27" s="127" t="str">
        <f>SUBSTITUTE(Categorization!Z27,"x",'Categorization (2)'!Z$4)</f>
        <v/>
      </c>
      <c r="AA27" s="124" t="str">
        <f>SUBSTITUTE(Categorization!AA27,"x",'Categorization (2)'!AA$4)</f>
        <v/>
      </c>
      <c r="AB27" s="124" t="str">
        <f>SUBSTITUTE(Categorization!AB27,"x",'Categorization (2)'!AB$4)</f>
        <v/>
      </c>
      <c r="AC27" s="124" t="str">
        <f>SUBSTITUTE(Categorization!AC27,"x",'Categorization (2)'!AC$4)</f>
        <v xml:space="preserve">Ciąża i dziecko/ Mama i dziecko/ Majtki i wkładki poporodowe/ </v>
      </c>
      <c r="AD27" s="124" t="str">
        <f>SUBSTITUTE(Categorization!AD27,"x",'Categorization (2)'!AD$4)</f>
        <v/>
      </c>
      <c r="AE27" s="124" t="str">
        <f>SUBSTITUTE(Categorization!AE27,"x",'Categorization (2)'!AE$4)</f>
        <v/>
      </c>
      <c r="AF27" s="108" t="str">
        <f>SUBSTITUTE(Categorization!AF27,"x",'Categorization (2)'!AF$4)</f>
        <v/>
      </c>
      <c r="AG27" s="108" t="str">
        <f>SUBSTITUTE(Categorization!AG27,"x",'Categorization (2)'!AG$4)</f>
        <v xml:space="preserve">Drogi moczowe/ nietrzymanie moczu/ Pieluchomajtki/ </v>
      </c>
      <c r="AH27" s="108" t="str">
        <f>SUBSTITUTE(Categorization!AH27,"x",'Categorization (2)'!AH$4)</f>
        <v xml:space="preserve">Drogi moczowe/ nietrzymanie moczu/ Pieluchy dla dorosłych/ </v>
      </c>
      <c r="AI27" s="108" t="str">
        <f>SUBSTITUTE(Categorization!AI27,"x",'Categorization (2)'!AI$4)</f>
        <v/>
      </c>
      <c r="AJ27" s="108" t="str">
        <f>SUBSTITUTE(Categorization!AJ27,"x",'Categorization (2)'!AJ$4)</f>
        <v xml:space="preserve">Drogi moczowe/ nietrzymanie moczu/ Majtki chłonne/ </v>
      </c>
      <c r="AK27" s="116" t="str">
        <f>SUBSTITUTE(Categorization!AK27,"x",'Categorization (2)'!AK$4)</f>
        <v/>
      </c>
      <c r="AL27" s="129" t="str">
        <f>SUBSTITUTE(Categorization!AL27,"x",'Categorization (2)'!AL$4)</f>
        <v/>
      </c>
      <c r="AM27" s="129" t="str">
        <f>SUBSTITUTE(Categorization!AM27,"x",'Categorization (2)'!AM$4)</f>
        <v/>
      </c>
      <c r="AN27" s="131" t="str">
        <f>SUBSTITUTE(Categorization!AN27,"x",'Categorization (2)'!AN$4)</f>
        <v/>
      </c>
      <c r="AO27" s="131" t="str">
        <f>SUBSTITUTE(Categorization!AO27,"x",'Categorization (2)'!AO$4)</f>
        <v xml:space="preserve">Sklep rehabilitacyjny/ Higiena i pielęgnacja chorych/ </v>
      </c>
      <c r="AP27" s="131" t="str">
        <f>SUBSTITUTE(Categorization!AP27,"x",'Categorization (2)'!AP$4)</f>
        <v/>
      </c>
      <c r="AQ27" s="131" t="str">
        <f>SUBSTITUTE(Categorization!AQ27,"x",'Categorization (2)'!AQ$4)</f>
        <v/>
      </c>
      <c r="AR27" s="131" t="str">
        <f>SUBSTITUTE(Categorization!AR27,"x",'Categorization (2)'!AR$4)</f>
        <v xml:space="preserve">Sklep rehabilitacyjny/ Artykuły medyczne i rehabilitacyjne/ </v>
      </c>
      <c r="AS27" s="131" t="str">
        <f>SUBSTITUTE(Categorization!AS27,"x",'Categorization (2)'!AS$4)</f>
        <v xml:space="preserve">Sklep rehabilitacyjny/ Akcesoria dla osób starszych i niepełnosprawnych/ </v>
      </c>
      <c r="AT27" s="131" t="str">
        <f>SUBSTITUTE(Categorization!AT27,"x",'Categorization (2)'!AT$4)</f>
        <v/>
      </c>
      <c r="AU27" s="103"/>
      <c r="AV27" s="97"/>
    </row>
    <row r="28" spans="1:48" s="2" customFormat="1" ht="13.5" customHeight="1">
      <c r="A28" s="9"/>
      <c r="B28" s="9" t="s">
        <v>246</v>
      </c>
      <c r="C28" s="5">
        <v>24</v>
      </c>
      <c r="D28" s="11">
        <v>10</v>
      </c>
      <c r="E28" s="11">
        <v>791610</v>
      </c>
      <c r="F28" s="6" t="s">
        <v>68</v>
      </c>
      <c r="G28" s="23"/>
      <c r="H28" s="112" t="str">
        <f>SUBSTITUTE(Categorization!H28,"x",'Categorization (2)'!H$4)</f>
        <v/>
      </c>
      <c r="I28" s="112" t="str">
        <f>SUBSTITUTE(Categorization!I28,"x",'Categorization (2)'!I$4)</f>
        <v/>
      </c>
      <c r="J28" s="112" t="str">
        <f>SUBSTITUTE(Categorization!J28,"x",'Categorization (2)'!J$4)</f>
        <v/>
      </c>
      <c r="K28" s="112" t="str">
        <f>SUBSTITUTE(Categorization!K28,"x",'Categorization (2)'!K$4)</f>
        <v/>
      </c>
      <c r="L28" s="112" t="str">
        <f>SUBSTITUTE(Categorization!L28,"x",'Categorization (2)'!L$4)</f>
        <v/>
      </c>
      <c r="M28" s="112" t="str">
        <f>SUBSTITUTE(Categorization!M28,"x",'Categorization (2)'!M$4)</f>
        <v/>
      </c>
      <c r="N28" s="112" t="str">
        <f>SUBSTITUTE(Categorization!N28,"x",'Categorization (2)'!N$4)</f>
        <v/>
      </c>
      <c r="O28" s="112" t="str">
        <f>SUBSTITUTE(Categorization!O28,"x",'Categorization (2)'!O$4)</f>
        <v/>
      </c>
      <c r="P28" s="116" t="str">
        <f>SUBSTITUTE(Categorization!P28,"x",'Categorization (2)'!P$4)</f>
        <v/>
      </c>
      <c r="Q28" s="116" t="str">
        <f>SUBSTITUTE(Categorization!Q28,"x",'Categorization (2)'!Q$4)</f>
        <v/>
      </c>
      <c r="R28" s="120" t="str">
        <f>SUBSTITUTE(Categorization!R28,"x",'Categorization (2)'!R$4)</f>
        <v/>
      </c>
      <c r="S28" s="120" t="str">
        <f>SUBSTITUTE(Categorization!S28,"x",'Categorization (2)'!S$4)</f>
        <v/>
      </c>
      <c r="T28" s="120" t="str">
        <f>SUBSTITUTE(Categorization!T28,"x",'Categorization (2)'!T$4)</f>
        <v/>
      </c>
      <c r="U28" s="120" t="str">
        <f>SUBSTITUTE(Categorization!U28,"x",'Categorization (2)'!U$4)</f>
        <v/>
      </c>
      <c r="V28" s="127" t="str">
        <f>SUBSTITUTE(Categorization!V28,"x",'Categorization (2)'!V$4)</f>
        <v xml:space="preserve">Środki opatrunkowe i higeniczne/ Pieluchy dla dorosłych/ </v>
      </c>
      <c r="W28" s="127" t="str">
        <f>SUBSTITUTE(Categorization!W28,"x",'Categorization (2)'!W$4)</f>
        <v/>
      </c>
      <c r="X28" s="127" t="str">
        <f>SUBSTITUTE(Categorization!X28,"x",'Categorization (2)'!X$4)</f>
        <v/>
      </c>
      <c r="Y28" s="127" t="str">
        <f>SUBSTITUTE(Categorization!Y28,"x",'Categorization (2)'!Y$4)</f>
        <v/>
      </c>
      <c r="Z28" s="127" t="str">
        <f>SUBSTITUTE(Categorization!Z28,"x",'Categorization (2)'!Z$4)</f>
        <v/>
      </c>
      <c r="AA28" s="124" t="str">
        <f>SUBSTITUTE(Categorization!AA28,"x",'Categorization (2)'!AA$4)</f>
        <v xml:space="preserve">Ciąża i dziecko/ Mama i dziecko/ Wyprawka do szpitala/ </v>
      </c>
      <c r="AB28" s="124" t="str">
        <f>SUBSTITUTE(Categorization!AB28,"x",'Categorization (2)'!AB$4)</f>
        <v/>
      </c>
      <c r="AC28" s="124" t="str">
        <f>SUBSTITUTE(Categorization!AC28,"x",'Categorization (2)'!AC$4)</f>
        <v xml:space="preserve">Ciąża i dziecko/ Mama i dziecko/ Majtki i wkładki poporodowe/ </v>
      </c>
      <c r="AD28" s="124" t="str">
        <f>SUBSTITUTE(Categorization!AD28,"x",'Categorization (2)'!AD$4)</f>
        <v/>
      </c>
      <c r="AE28" s="124" t="str">
        <f>SUBSTITUTE(Categorization!AE28,"x",'Categorization (2)'!AE$4)</f>
        <v/>
      </c>
      <c r="AF28" s="108" t="str">
        <f>SUBSTITUTE(Categorization!AF28,"x",'Categorization (2)'!AF$4)</f>
        <v/>
      </c>
      <c r="AG28" s="108" t="str">
        <f>SUBSTITUTE(Categorization!AG28,"x",'Categorization (2)'!AG$4)</f>
        <v xml:space="preserve">Drogi moczowe/ nietrzymanie moczu/ Pieluchomajtki/ </v>
      </c>
      <c r="AH28" s="108" t="str">
        <f>SUBSTITUTE(Categorization!AH28,"x",'Categorization (2)'!AH$4)</f>
        <v xml:space="preserve">Drogi moczowe/ nietrzymanie moczu/ Pieluchy dla dorosłych/ </v>
      </c>
      <c r="AI28" s="108" t="str">
        <f>SUBSTITUTE(Categorization!AI28,"x",'Categorization (2)'!AI$4)</f>
        <v/>
      </c>
      <c r="AJ28" s="108" t="str">
        <f>SUBSTITUTE(Categorization!AJ28,"x",'Categorization (2)'!AJ$4)</f>
        <v xml:space="preserve">Drogi moczowe/ nietrzymanie moczu/ Majtki chłonne/ </v>
      </c>
      <c r="AK28" s="116" t="str">
        <f>SUBSTITUTE(Categorization!AK28,"x",'Categorization (2)'!AK$4)</f>
        <v/>
      </c>
      <c r="AL28" s="129" t="str">
        <f>SUBSTITUTE(Categorization!AL28,"x",'Categorization (2)'!AL$4)</f>
        <v/>
      </c>
      <c r="AM28" s="129" t="str">
        <f>SUBSTITUTE(Categorization!AM28,"x",'Categorization (2)'!AM$4)</f>
        <v/>
      </c>
      <c r="AN28" s="131" t="str">
        <f>SUBSTITUTE(Categorization!AN28,"x",'Categorization (2)'!AN$4)</f>
        <v/>
      </c>
      <c r="AO28" s="131" t="str">
        <f>SUBSTITUTE(Categorization!AO28,"x",'Categorization (2)'!AO$4)</f>
        <v xml:space="preserve">Sklep rehabilitacyjny/ Higiena i pielęgnacja chorych/ </v>
      </c>
      <c r="AP28" s="131" t="str">
        <f>SUBSTITUTE(Categorization!AP28,"x",'Categorization (2)'!AP$4)</f>
        <v/>
      </c>
      <c r="AQ28" s="131" t="str">
        <f>SUBSTITUTE(Categorization!AQ28,"x",'Categorization (2)'!AQ$4)</f>
        <v/>
      </c>
      <c r="AR28" s="131" t="str">
        <f>SUBSTITUTE(Categorization!AR28,"x",'Categorization (2)'!AR$4)</f>
        <v xml:space="preserve">Sklep rehabilitacyjny/ Artykuły medyczne i rehabilitacyjne/ </v>
      </c>
      <c r="AS28" s="131" t="str">
        <f>SUBSTITUTE(Categorization!AS28,"x",'Categorization (2)'!AS$4)</f>
        <v xml:space="preserve">Sklep rehabilitacyjny/ Akcesoria dla osób starszych i niepełnosprawnych/ </v>
      </c>
      <c r="AT28" s="131" t="str">
        <f>SUBSTITUTE(Categorization!AT28,"x",'Categorization (2)'!AT$4)</f>
        <v/>
      </c>
      <c r="AU28" s="103"/>
      <c r="AV28" s="97"/>
    </row>
    <row r="29" spans="1:48" s="2" customFormat="1" ht="13.5" customHeight="1">
      <c r="A29" s="9"/>
      <c r="B29" s="9" t="s">
        <v>246</v>
      </c>
      <c r="C29" s="5">
        <v>25</v>
      </c>
      <c r="D29" s="11">
        <v>30</v>
      </c>
      <c r="E29" s="11">
        <v>791630</v>
      </c>
      <c r="F29" s="6" t="s">
        <v>57</v>
      </c>
      <c r="G29" s="23"/>
      <c r="H29" s="112" t="str">
        <f>SUBSTITUTE(Categorization!H29,"x",'Categorization (2)'!H$4)</f>
        <v/>
      </c>
      <c r="I29" s="112" t="str">
        <f>SUBSTITUTE(Categorization!I29,"x",'Categorization (2)'!I$4)</f>
        <v/>
      </c>
      <c r="J29" s="112" t="str">
        <f>SUBSTITUTE(Categorization!J29,"x",'Categorization (2)'!J$4)</f>
        <v/>
      </c>
      <c r="K29" s="112" t="str">
        <f>SUBSTITUTE(Categorization!K29,"x",'Categorization (2)'!K$4)</f>
        <v/>
      </c>
      <c r="L29" s="112" t="str">
        <f>SUBSTITUTE(Categorization!L29,"x",'Categorization (2)'!L$4)</f>
        <v/>
      </c>
      <c r="M29" s="112" t="str">
        <f>SUBSTITUTE(Categorization!M29,"x",'Categorization (2)'!M$4)</f>
        <v/>
      </c>
      <c r="N29" s="112" t="str">
        <f>SUBSTITUTE(Categorization!N29,"x",'Categorization (2)'!N$4)</f>
        <v/>
      </c>
      <c r="O29" s="112" t="str">
        <f>SUBSTITUTE(Categorization!O29,"x",'Categorization (2)'!O$4)</f>
        <v/>
      </c>
      <c r="P29" s="116" t="str">
        <f>SUBSTITUTE(Categorization!P29,"x",'Categorization (2)'!P$4)</f>
        <v/>
      </c>
      <c r="Q29" s="116" t="str">
        <f>SUBSTITUTE(Categorization!Q29,"x",'Categorization (2)'!Q$4)</f>
        <v/>
      </c>
      <c r="R29" s="120" t="str">
        <f>SUBSTITUTE(Categorization!R29,"x",'Categorization (2)'!R$4)</f>
        <v/>
      </c>
      <c r="S29" s="120" t="str">
        <f>SUBSTITUTE(Categorization!S29,"x",'Categorization (2)'!S$4)</f>
        <v/>
      </c>
      <c r="T29" s="120" t="str">
        <f>SUBSTITUTE(Categorization!T29,"x",'Categorization (2)'!T$4)</f>
        <v/>
      </c>
      <c r="U29" s="120" t="str">
        <f>SUBSTITUTE(Categorization!U29,"x",'Categorization (2)'!U$4)</f>
        <v/>
      </c>
      <c r="V29" s="127" t="str">
        <f>SUBSTITUTE(Categorization!V29,"x",'Categorization (2)'!V$4)</f>
        <v xml:space="preserve">Środki opatrunkowe i higeniczne/ Pieluchy dla dorosłych/ </v>
      </c>
      <c r="W29" s="127" t="str">
        <f>SUBSTITUTE(Categorization!W29,"x",'Categorization (2)'!W$4)</f>
        <v/>
      </c>
      <c r="X29" s="127" t="str">
        <f>SUBSTITUTE(Categorization!X29,"x",'Categorization (2)'!X$4)</f>
        <v/>
      </c>
      <c r="Y29" s="127" t="str">
        <f>SUBSTITUTE(Categorization!Y29,"x",'Categorization (2)'!Y$4)</f>
        <v/>
      </c>
      <c r="Z29" s="127" t="str">
        <f>SUBSTITUTE(Categorization!Z29,"x",'Categorization (2)'!Z$4)</f>
        <v/>
      </c>
      <c r="AA29" s="124" t="str">
        <f>SUBSTITUTE(Categorization!AA29,"x",'Categorization (2)'!AA$4)</f>
        <v/>
      </c>
      <c r="AB29" s="124" t="str">
        <f>SUBSTITUTE(Categorization!AB29,"x",'Categorization (2)'!AB$4)</f>
        <v/>
      </c>
      <c r="AC29" s="124" t="str">
        <f>SUBSTITUTE(Categorization!AC29,"x",'Categorization (2)'!AC$4)</f>
        <v xml:space="preserve">Ciąża i dziecko/ Mama i dziecko/ Majtki i wkładki poporodowe/ </v>
      </c>
      <c r="AD29" s="124" t="str">
        <f>SUBSTITUTE(Categorization!AD29,"x",'Categorization (2)'!AD$4)</f>
        <v/>
      </c>
      <c r="AE29" s="124" t="str">
        <f>SUBSTITUTE(Categorization!AE29,"x",'Categorization (2)'!AE$4)</f>
        <v/>
      </c>
      <c r="AF29" s="108" t="str">
        <f>SUBSTITUTE(Categorization!AF29,"x",'Categorization (2)'!AF$4)</f>
        <v/>
      </c>
      <c r="AG29" s="108" t="str">
        <f>SUBSTITUTE(Categorization!AG29,"x",'Categorization (2)'!AG$4)</f>
        <v xml:space="preserve">Drogi moczowe/ nietrzymanie moczu/ Pieluchomajtki/ </v>
      </c>
      <c r="AH29" s="108" t="str">
        <f>SUBSTITUTE(Categorization!AH29,"x",'Categorization (2)'!AH$4)</f>
        <v xml:space="preserve">Drogi moczowe/ nietrzymanie moczu/ Pieluchy dla dorosłych/ </v>
      </c>
      <c r="AI29" s="108" t="str">
        <f>SUBSTITUTE(Categorization!AI29,"x",'Categorization (2)'!AI$4)</f>
        <v/>
      </c>
      <c r="AJ29" s="108" t="str">
        <f>SUBSTITUTE(Categorization!AJ29,"x",'Categorization (2)'!AJ$4)</f>
        <v xml:space="preserve">Drogi moczowe/ nietrzymanie moczu/ Majtki chłonne/ </v>
      </c>
      <c r="AK29" s="116" t="str">
        <f>SUBSTITUTE(Categorization!AK29,"x",'Categorization (2)'!AK$4)</f>
        <v/>
      </c>
      <c r="AL29" s="129" t="str">
        <f>SUBSTITUTE(Categorization!AL29,"x",'Categorization (2)'!AL$4)</f>
        <v/>
      </c>
      <c r="AM29" s="129" t="str">
        <f>SUBSTITUTE(Categorization!AM29,"x",'Categorization (2)'!AM$4)</f>
        <v/>
      </c>
      <c r="AN29" s="131" t="str">
        <f>SUBSTITUTE(Categorization!AN29,"x",'Categorization (2)'!AN$4)</f>
        <v/>
      </c>
      <c r="AO29" s="131" t="str">
        <f>SUBSTITUTE(Categorization!AO29,"x",'Categorization (2)'!AO$4)</f>
        <v xml:space="preserve">Sklep rehabilitacyjny/ Higiena i pielęgnacja chorych/ </v>
      </c>
      <c r="AP29" s="131" t="str">
        <f>SUBSTITUTE(Categorization!AP29,"x",'Categorization (2)'!AP$4)</f>
        <v/>
      </c>
      <c r="AQ29" s="131" t="str">
        <f>SUBSTITUTE(Categorization!AQ29,"x",'Categorization (2)'!AQ$4)</f>
        <v/>
      </c>
      <c r="AR29" s="131" t="str">
        <f>SUBSTITUTE(Categorization!AR29,"x",'Categorization (2)'!AR$4)</f>
        <v xml:space="preserve">Sklep rehabilitacyjny/ Artykuły medyczne i rehabilitacyjne/ </v>
      </c>
      <c r="AS29" s="131" t="str">
        <f>SUBSTITUTE(Categorization!AS29,"x",'Categorization (2)'!AS$4)</f>
        <v xml:space="preserve">Sklep rehabilitacyjny/ Akcesoria dla osób starszych i niepełnosprawnych/ </v>
      </c>
      <c r="AT29" s="131" t="str">
        <f>SUBSTITUTE(Categorization!AT29,"x",'Categorization (2)'!AT$4)</f>
        <v/>
      </c>
      <c r="AU29" s="103"/>
      <c r="AV29" s="97"/>
    </row>
    <row r="30" spans="1:48" s="2" customFormat="1" ht="13.5" customHeight="1">
      <c r="A30" s="9"/>
      <c r="B30" s="9" t="s">
        <v>246</v>
      </c>
      <c r="C30" s="5">
        <v>26</v>
      </c>
      <c r="D30" s="11">
        <v>15</v>
      </c>
      <c r="E30" s="11">
        <v>791715</v>
      </c>
      <c r="F30" s="6" t="s">
        <v>62</v>
      </c>
      <c r="G30" s="23"/>
      <c r="H30" s="112" t="str">
        <f>SUBSTITUTE(Categorization!H30,"x",'Categorization (2)'!H$4)</f>
        <v/>
      </c>
      <c r="I30" s="112" t="str">
        <f>SUBSTITUTE(Categorization!I30,"x",'Categorization (2)'!I$4)</f>
        <v/>
      </c>
      <c r="J30" s="112" t="str">
        <f>SUBSTITUTE(Categorization!J30,"x",'Categorization (2)'!J$4)</f>
        <v/>
      </c>
      <c r="K30" s="112" t="str">
        <f>SUBSTITUTE(Categorization!K30,"x",'Categorization (2)'!K$4)</f>
        <v/>
      </c>
      <c r="L30" s="112" t="str">
        <f>SUBSTITUTE(Categorization!L30,"x",'Categorization (2)'!L$4)</f>
        <v/>
      </c>
      <c r="M30" s="112" t="str">
        <f>SUBSTITUTE(Categorization!M30,"x",'Categorization (2)'!M$4)</f>
        <v/>
      </c>
      <c r="N30" s="112" t="str">
        <f>SUBSTITUTE(Categorization!N30,"x",'Categorization (2)'!N$4)</f>
        <v/>
      </c>
      <c r="O30" s="112" t="str">
        <f>SUBSTITUTE(Categorization!O30,"x",'Categorization (2)'!O$4)</f>
        <v/>
      </c>
      <c r="P30" s="116" t="str">
        <f>SUBSTITUTE(Categorization!P30,"x",'Categorization (2)'!P$4)</f>
        <v/>
      </c>
      <c r="Q30" s="116" t="str">
        <f>SUBSTITUTE(Categorization!Q30,"x",'Categorization (2)'!Q$4)</f>
        <v/>
      </c>
      <c r="R30" s="120" t="str">
        <f>SUBSTITUTE(Categorization!R30,"x",'Categorization (2)'!R$4)</f>
        <v/>
      </c>
      <c r="S30" s="120" t="str">
        <f>SUBSTITUTE(Categorization!S30,"x",'Categorization (2)'!S$4)</f>
        <v/>
      </c>
      <c r="T30" s="120" t="str">
        <f>SUBSTITUTE(Categorization!T30,"x",'Categorization (2)'!T$4)</f>
        <v/>
      </c>
      <c r="U30" s="120" t="str">
        <f>SUBSTITUTE(Categorization!U30,"x",'Categorization (2)'!U$4)</f>
        <v/>
      </c>
      <c r="V30" s="127" t="str">
        <f>SUBSTITUTE(Categorization!V30,"x",'Categorization (2)'!V$4)</f>
        <v xml:space="preserve">Środki opatrunkowe i higeniczne/ Pieluchy dla dorosłych/ </v>
      </c>
      <c r="W30" s="127" t="str">
        <f>SUBSTITUTE(Categorization!W30,"x",'Categorization (2)'!W$4)</f>
        <v/>
      </c>
      <c r="X30" s="127" t="str">
        <f>SUBSTITUTE(Categorization!X30,"x",'Categorization (2)'!X$4)</f>
        <v/>
      </c>
      <c r="Y30" s="127" t="str">
        <f>SUBSTITUTE(Categorization!Y30,"x",'Categorization (2)'!Y$4)</f>
        <v/>
      </c>
      <c r="Z30" s="127" t="str">
        <f>SUBSTITUTE(Categorization!Z30,"x",'Categorization (2)'!Z$4)</f>
        <v/>
      </c>
      <c r="AA30" s="124" t="str">
        <f>SUBSTITUTE(Categorization!AA30,"x",'Categorization (2)'!AA$4)</f>
        <v/>
      </c>
      <c r="AB30" s="124" t="str">
        <f>SUBSTITUTE(Categorization!AB30,"x",'Categorization (2)'!AB$4)</f>
        <v/>
      </c>
      <c r="AC30" s="124" t="str">
        <f>SUBSTITUTE(Categorization!AC30,"x",'Categorization (2)'!AC$4)</f>
        <v xml:space="preserve">Ciąża i dziecko/ Mama i dziecko/ Majtki i wkładki poporodowe/ </v>
      </c>
      <c r="AD30" s="124" t="str">
        <f>SUBSTITUTE(Categorization!AD30,"x",'Categorization (2)'!AD$4)</f>
        <v/>
      </c>
      <c r="AE30" s="124" t="str">
        <f>SUBSTITUTE(Categorization!AE30,"x",'Categorization (2)'!AE$4)</f>
        <v/>
      </c>
      <c r="AF30" s="108" t="str">
        <f>SUBSTITUTE(Categorization!AF30,"x",'Categorization (2)'!AF$4)</f>
        <v/>
      </c>
      <c r="AG30" s="108" t="str">
        <f>SUBSTITUTE(Categorization!AG30,"x",'Categorization (2)'!AG$4)</f>
        <v xml:space="preserve">Drogi moczowe/ nietrzymanie moczu/ Pieluchomajtki/ </v>
      </c>
      <c r="AH30" s="108" t="str">
        <f>SUBSTITUTE(Categorization!AH30,"x",'Categorization (2)'!AH$4)</f>
        <v xml:space="preserve">Drogi moczowe/ nietrzymanie moczu/ Pieluchy dla dorosłych/ </v>
      </c>
      <c r="AI30" s="108" t="str">
        <f>SUBSTITUTE(Categorization!AI30,"x",'Categorization (2)'!AI$4)</f>
        <v/>
      </c>
      <c r="AJ30" s="108" t="str">
        <f>SUBSTITUTE(Categorization!AJ30,"x",'Categorization (2)'!AJ$4)</f>
        <v xml:space="preserve">Drogi moczowe/ nietrzymanie moczu/ Majtki chłonne/ </v>
      </c>
      <c r="AK30" s="116" t="str">
        <f>SUBSTITUTE(Categorization!AK30,"x",'Categorization (2)'!AK$4)</f>
        <v/>
      </c>
      <c r="AL30" s="129" t="str">
        <f>SUBSTITUTE(Categorization!AL30,"x",'Categorization (2)'!AL$4)</f>
        <v/>
      </c>
      <c r="AM30" s="129" t="str">
        <f>SUBSTITUTE(Categorization!AM30,"x",'Categorization (2)'!AM$4)</f>
        <v/>
      </c>
      <c r="AN30" s="131" t="str">
        <f>SUBSTITUTE(Categorization!AN30,"x",'Categorization (2)'!AN$4)</f>
        <v/>
      </c>
      <c r="AO30" s="131" t="str">
        <f>SUBSTITUTE(Categorization!AO30,"x",'Categorization (2)'!AO$4)</f>
        <v xml:space="preserve">Sklep rehabilitacyjny/ Higiena i pielęgnacja chorych/ </v>
      </c>
      <c r="AP30" s="131" t="str">
        <f>SUBSTITUTE(Categorization!AP30,"x",'Categorization (2)'!AP$4)</f>
        <v/>
      </c>
      <c r="AQ30" s="131" t="str">
        <f>SUBSTITUTE(Categorization!AQ30,"x",'Categorization (2)'!AQ$4)</f>
        <v/>
      </c>
      <c r="AR30" s="131" t="str">
        <f>SUBSTITUTE(Categorization!AR30,"x",'Categorization (2)'!AR$4)</f>
        <v xml:space="preserve">Sklep rehabilitacyjny/ Artykuły medyczne i rehabilitacyjne/ </v>
      </c>
      <c r="AS30" s="131" t="str">
        <f>SUBSTITUTE(Categorization!AS30,"x",'Categorization (2)'!AS$4)</f>
        <v xml:space="preserve">Sklep rehabilitacyjny/ Akcesoria dla osób starszych i niepełnosprawnych/ </v>
      </c>
      <c r="AT30" s="131" t="str">
        <f>SUBSTITUTE(Categorization!AT30,"x",'Categorization (2)'!AT$4)</f>
        <v/>
      </c>
      <c r="AU30" s="103"/>
      <c r="AV30" s="97"/>
    </row>
    <row r="31" spans="1:48" s="2" customFormat="1" ht="13.5" customHeight="1">
      <c r="A31" s="9"/>
      <c r="B31" s="9" t="s">
        <v>246</v>
      </c>
      <c r="C31" s="5">
        <v>27</v>
      </c>
      <c r="D31" s="11">
        <v>14</v>
      </c>
      <c r="E31" s="11">
        <v>792414</v>
      </c>
      <c r="F31" s="6" t="s">
        <v>76</v>
      </c>
      <c r="G31" s="23"/>
      <c r="H31" s="112" t="str">
        <f>SUBSTITUTE(Categorization!H31,"x",'Categorization (2)'!H$4)</f>
        <v/>
      </c>
      <c r="I31" s="112" t="str">
        <f>SUBSTITUTE(Categorization!I31,"x",'Categorization (2)'!I$4)</f>
        <v/>
      </c>
      <c r="J31" s="112" t="str">
        <f>SUBSTITUTE(Categorization!J31,"x",'Categorization (2)'!J$4)</f>
        <v/>
      </c>
      <c r="K31" s="112" t="str">
        <f>SUBSTITUTE(Categorization!K31,"x",'Categorization (2)'!K$4)</f>
        <v/>
      </c>
      <c r="L31" s="112" t="str">
        <f>SUBSTITUTE(Categorization!L31,"x",'Categorization (2)'!L$4)</f>
        <v/>
      </c>
      <c r="M31" s="112" t="str">
        <f>SUBSTITUTE(Categorization!M31,"x",'Categorization (2)'!M$4)</f>
        <v/>
      </c>
      <c r="N31" s="112" t="str">
        <f>SUBSTITUTE(Categorization!N31,"x",'Categorization (2)'!N$4)</f>
        <v/>
      </c>
      <c r="O31" s="112" t="str">
        <f>SUBSTITUTE(Categorization!O31,"x",'Categorization (2)'!O$4)</f>
        <v/>
      </c>
      <c r="P31" s="116" t="str">
        <f>SUBSTITUTE(Categorization!P31,"x",'Categorization (2)'!P$4)</f>
        <v/>
      </c>
      <c r="Q31" s="116" t="str">
        <f>SUBSTITUTE(Categorization!Q31,"x",'Categorization (2)'!Q$4)</f>
        <v/>
      </c>
      <c r="R31" s="120" t="str">
        <f>SUBSTITUTE(Categorization!R31,"x",'Categorization (2)'!R$4)</f>
        <v/>
      </c>
      <c r="S31" s="120" t="str">
        <f>SUBSTITUTE(Categorization!S31,"x",'Categorization (2)'!S$4)</f>
        <v/>
      </c>
      <c r="T31" s="120" t="str">
        <f>SUBSTITUTE(Categorization!T31,"x",'Categorization (2)'!T$4)</f>
        <v/>
      </c>
      <c r="U31" s="120" t="str">
        <f>SUBSTITUTE(Categorization!U31,"x",'Categorization (2)'!U$4)</f>
        <v/>
      </c>
      <c r="V31" s="127" t="str">
        <f>SUBSTITUTE(Categorization!V31,"x",'Categorization (2)'!V$4)</f>
        <v xml:space="preserve">Środki opatrunkowe i higeniczne/ Pieluchy dla dorosłych/ </v>
      </c>
      <c r="W31" s="127" t="str">
        <f>SUBSTITUTE(Categorization!W31,"x",'Categorization (2)'!W$4)</f>
        <v/>
      </c>
      <c r="X31" s="127" t="str">
        <f>SUBSTITUTE(Categorization!X31,"x",'Categorization (2)'!X$4)</f>
        <v/>
      </c>
      <c r="Y31" s="127" t="str">
        <f>SUBSTITUTE(Categorization!Y31,"x",'Categorization (2)'!Y$4)</f>
        <v/>
      </c>
      <c r="Z31" s="127" t="str">
        <f>SUBSTITUTE(Categorization!Z31,"x",'Categorization (2)'!Z$4)</f>
        <v/>
      </c>
      <c r="AA31" s="124" t="str">
        <f>SUBSTITUTE(Categorization!AA31,"x",'Categorization (2)'!AA$4)</f>
        <v/>
      </c>
      <c r="AB31" s="124" t="str">
        <f>SUBSTITUTE(Categorization!AB31,"x",'Categorization (2)'!AB$4)</f>
        <v/>
      </c>
      <c r="AC31" s="124" t="str">
        <f>SUBSTITUTE(Categorization!AC31,"x",'Categorization (2)'!AC$4)</f>
        <v/>
      </c>
      <c r="AD31" s="124" t="str">
        <f>SUBSTITUTE(Categorization!AD31,"x",'Categorization (2)'!AD$4)</f>
        <v/>
      </c>
      <c r="AE31" s="124" t="str">
        <f>SUBSTITUTE(Categorization!AE31,"x",'Categorization (2)'!AE$4)</f>
        <v/>
      </c>
      <c r="AF31" s="108" t="str">
        <f>SUBSTITUTE(Categorization!AF31,"x",'Categorization (2)'!AF$4)</f>
        <v/>
      </c>
      <c r="AG31" s="108" t="str">
        <f>SUBSTITUTE(Categorization!AG31,"x",'Categorization (2)'!AG$4)</f>
        <v xml:space="preserve">Drogi moczowe/ nietrzymanie moczu/ Pieluchomajtki/ </v>
      </c>
      <c r="AH31" s="108" t="str">
        <f>SUBSTITUTE(Categorization!AH31,"x",'Categorization (2)'!AH$4)</f>
        <v xml:space="preserve">Drogi moczowe/ nietrzymanie moczu/ Pieluchy dla dorosłych/ </v>
      </c>
      <c r="AI31" s="108" t="str">
        <f>SUBSTITUTE(Categorization!AI31,"x",'Categorization (2)'!AI$4)</f>
        <v/>
      </c>
      <c r="AJ31" s="108" t="str">
        <f>SUBSTITUTE(Categorization!AJ31,"x",'Categorization (2)'!AJ$4)</f>
        <v xml:space="preserve">Drogi moczowe/ nietrzymanie moczu/ Majtki chłonne/ </v>
      </c>
      <c r="AK31" s="116" t="str">
        <f>SUBSTITUTE(Categorization!AK31,"x",'Categorization (2)'!AK$4)</f>
        <v/>
      </c>
      <c r="AL31" s="129" t="str">
        <f>SUBSTITUTE(Categorization!AL31,"x",'Categorization (2)'!AL$4)</f>
        <v/>
      </c>
      <c r="AM31" s="129" t="str">
        <f>SUBSTITUTE(Categorization!AM31,"x",'Categorization (2)'!AM$4)</f>
        <v/>
      </c>
      <c r="AN31" s="131" t="str">
        <f>SUBSTITUTE(Categorization!AN31,"x",'Categorization (2)'!AN$4)</f>
        <v/>
      </c>
      <c r="AO31" s="131" t="str">
        <f>SUBSTITUTE(Categorization!AO31,"x",'Categorization (2)'!AO$4)</f>
        <v xml:space="preserve">Sklep rehabilitacyjny/ Higiena i pielęgnacja chorych/ </v>
      </c>
      <c r="AP31" s="131" t="str">
        <f>SUBSTITUTE(Categorization!AP31,"x",'Categorization (2)'!AP$4)</f>
        <v/>
      </c>
      <c r="AQ31" s="131" t="str">
        <f>SUBSTITUTE(Categorization!AQ31,"x",'Categorization (2)'!AQ$4)</f>
        <v/>
      </c>
      <c r="AR31" s="131" t="str">
        <f>SUBSTITUTE(Categorization!AR31,"x",'Categorization (2)'!AR$4)</f>
        <v xml:space="preserve">Sklep rehabilitacyjny/ Artykuły medyczne i rehabilitacyjne/ </v>
      </c>
      <c r="AS31" s="131" t="str">
        <f>SUBSTITUTE(Categorization!AS31,"x",'Categorization (2)'!AS$4)</f>
        <v xml:space="preserve">Sklep rehabilitacyjny/ Akcesoria dla osób starszych i niepełnosprawnych/ </v>
      </c>
      <c r="AT31" s="131" t="str">
        <f>SUBSTITUTE(Categorization!AT31,"x",'Categorization (2)'!AT$4)</f>
        <v/>
      </c>
      <c r="AU31" s="103"/>
      <c r="AV31" s="97"/>
    </row>
    <row r="32" spans="1:48" s="2" customFormat="1" ht="13.5" customHeight="1">
      <c r="A32" s="9"/>
      <c r="B32" s="9" t="s">
        <v>246</v>
      </c>
      <c r="C32" s="5">
        <v>28</v>
      </c>
      <c r="D32" s="11">
        <v>10</v>
      </c>
      <c r="E32" s="11">
        <v>792510</v>
      </c>
      <c r="F32" s="6" t="s">
        <v>46</v>
      </c>
      <c r="G32" s="23"/>
      <c r="H32" s="112" t="str">
        <f>SUBSTITUTE(Categorization!H32,"x",'Categorization (2)'!H$4)</f>
        <v/>
      </c>
      <c r="I32" s="112" t="str">
        <f>SUBSTITUTE(Categorization!I32,"x",'Categorization (2)'!I$4)</f>
        <v/>
      </c>
      <c r="J32" s="112" t="str">
        <f>SUBSTITUTE(Categorization!J32,"x",'Categorization (2)'!J$4)</f>
        <v/>
      </c>
      <c r="K32" s="112" t="str">
        <f>SUBSTITUTE(Categorization!K32,"x",'Categorization (2)'!K$4)</f>
        <v/>
      </c>
      <c r="L32" s="112" t="str">
        <f>SUBSTITUTE(Categorization!L32,"x",'Categorization (2)'!L$4)</f>
        <v/>
      </c>
      <c r="M32" s="112" t="str">
        <f>SUBSTITUTE(Categorization!M32,"x",'Categorization (2)'!M$4)</f>
        <v/>
      </c>
      <c r="N32" s="112" t="str">
        <f>SUBSTITUTE(Categorization!N32,"x",'Categorization (2)'!N$4)</f>
        <v/>
      </c>
      <c r="O32" s="112" t="str">
        <f>SUBSTITUTE(Categorization!O32,"x",'Categorization (2)'!O$4)</f>
        <v/>
      </c>
      <c r="P32" s="116" t="str">
        <f>SUBSTITUTE(Categorization!P32,"x",'Categorization (2)'!P$4)</f>
        <v/>
      </c>
      <c r="Q32" s="116" t="str">
        <f>SUBSTITUTE(Categorization!Q32,"x",'Categorization (2)'!Q$4)</f>
        <v/>
      </c>
      <c r="R32" s="120" t="str">
        <f>SUBSTITUTE(Categorization!R32,"x",'Categorization (2)'!R$4)</f>
        <v/>
      </c>
      <c r="S32" s="120" t="str">
        <f>SUBSTITUTE(Categorization!S32,"x",'Categorization (2)'!S$4)</f>
        <v/>
      </c>
      <c r="T32" s="120" t="str">
        <f>SUBSTITUTE(Categorization!T32,"x",'Categorization (2)'!T$4)</f>
        <v/>
      </c>
      <c r="U32" s="120" t="str">
        <f>SUBSTITUTE(Categorization!U32,"x",'Categorization (2)'!U$4)</f>
        <v/>
      </c>
      <c r="V32" s="127" t="str">
        <f>SUBSTITUTE(Categorization!V32,"x",'Categorization (2)'!V$4)</f>
        <v xml:space="preserve">Środki opatrunkowe i higeniczne/ Pieluchy dla dorosłych/ </v>
      </c>
      <c r="W32" s="127" t="str">
        <f>SUBSTITUTE(Categorization!W32,"x",'Categorization (2)'!W$4)</f>
        <v/>
      </c>
      <c r="X32" s="127" t="str">
        <f>SUBSTITUTE(Categorization!X32,"x",'Categorization (2)'!X$4)</f>
        <v/>
      </c>
      <c r="Y32" s="127" t="str">
        <f>SUBSTITUTE(Categorization!Y32,"x",'Categorization (2)'!Y$4)</f>
        <v/>
      </c>
      <c r="Z32" s="127" t="str">
        <f>SUBSTITUTE(Categorization!Z32,"x",'Categorization (2)'!Z$4)</f>
        <v/>
      </c>
      <c r="AA32" s="124" t="str">
        <f>SUBSTITUTE(Categorization!AA32,"x",'Categorization (2)'!AA$4)</f>
        <v/>
      </c>
      <c r="AB32" s="124" t="str">
        <f>SUBSTITUTE(Categorization!AB32,"x",'Categorization (2)'!AB$4)</f>
        <v/>
      </c>
      <c r="AC32" s="124" t="str">
        <f>SUBSTITUTE(Categorization!AC32,"x",'Categorization (2)'!AC$4)</f>
        <v/>
      </c>
      <c r="AD32" s="124" t="str">
        <f>SUBSTITUTE(Categorization!AD32,"x",'Categorization (2)'!AD$4)</f>
        <v/>
      </c>
      <c r="AE32" s="124" t="str">
        <f>SUBSTITUTE(Categorization!AE32,"x",'Categorization (2)'!AE$4)</f>
        <v/>
      </c>
      <c r="AF32" s="108" t="str">
        <f>SUBSTITUTE(Categorization!AF32,"x",'Categorization (2)'!AF$4)</f>
        <v/>
      </c>
      <c r="AG32" s="108" t="str">
        <f>SUBSTITUTE(Categorization!AG32,"x",'Categorization (2)'!AG$4)</f>
        <v xml:space="preserve">Drogi moczowe/ nietrzymanie moczu/ Pieluchomajtki/ </v>
      </c>
      <c r="AH32" s="108" t="str">
        <f>SUBSTITUTE(Categorization!AH32,"x",'Categorization (2)'!AH$4)</f>
        <v xml:space="preserve">Drogi moczowe/ nietrzymanie moczu/ Pieluchy dla dorosłych/ </v>
      </c>
      <c r="AI32" s="108" t="str">
        <f>SUBSTITUTE(Categorization!AI32,"x",'Categorization (2)'!AI$4)</f>
        <v/>
      </c>
      <c r="AJ32" s="108" t="str">
        <f>SUBSTITUTE(Categorization!AJ32,"x",'Categorization (2)'!AJ$4)</f>
        <v xml:space="preserve">Drogi moczowe/ nietrzymanie moczu/ Majtki chłonne/ </v>
      </c>
      <c r="AK32" s="116" t="str">
        <f>SUBSTITUTE(Categorization!AK32,"x",'Categorization (2)'!AK$4)</f>
        <v/>
      </c>
      <c r="AL32" s="129" t="str">
        <f>SUBSTITUTE(Categorization!AL32,"x",'Categorization (2)'!AL$4)</f>
        <v/>
      </c>
      <c r="AM32" s="129" t="str">
        <f>SUBSTITUTE(Categorization!AM32,"x",'Categorization (2)'!AM$4)</f>
        <v/>
      </c>
      <c r="AN32" s="131" t="str">
        <f>SUBSTITUTE(Categorization!AN32,"x",'Categorization (2)'!AN$4)</f>
        <v/>
      </c>
      <c r="AO32" s="131" t="str">
        <f>SUBSTITUTE(Categorization!AO32,"x",'Categorization (2)'!AO$4)</f>
        <v xml:space="preserve">Sklep rehabilitacyjny/ Higiena i pielęgnacja chorych/ </v>
      </c>
      <c r="AP32" s="131" t="str">
        <f>SUBSTITUTE(Categorization!AP32,"x",'Categorization (2)'!AP$4)</f>
        <v/>
      </c>
      <c r="AQ32" s="131" t="str">
        <f>SUBSTITUTE(Categorization!AQ32,"x",'Categorization (2)'!AQ$4)</f>
        <v/>
      </c>
      <c r="AR32" s="131" t="str">
        <f>SUBSTITUTE(Categorization!AR32,"x",'Categorization (2)'!AR$4)</f>
        <v xml:space="preserve">Sklep rehabilitacyjny/ Artykuły medyczne i rehabilitacyjne/ </v>
      </c>
      <c r="AS32" s="131" t="str">
        <f>SUBSTITUTE(Categorization!AS32,"x",'Categorization (2)'!AS$4)</f>
        <v xml:space="preserve">Sklep rehabilitacyjny/ Akcesoria dla osób starszych i niepełnosprawnych/ </v>
      </c>
      <c r="AT32" s="131" t="str">
        <f>SUBSTITUTE(Categorization!AT32,"x",'Categorization (2)'!AT$4)</f>
        <v/>
      </c>
      <c r="AU32" s="103"/>
      <c r="AV32" s="97"/>
    </row>
    <row r="33" spans="1:48" s="2" customFormat="1" ht="13.5" customHeight="1">
      <c r="A33" s="9"/>
      <c r="B33" s="9" t="s">
        <v>246</v>
      </c>
      <c r="C33" s="5">
        <v>29</v>
      </c>
      <c r="D33" s="11">
        <v>10</v>
      </c>
      <c r="E33" s="11">
        <v>792610</v>
      </c>
      <c r="F33" s="6" t="s">
        <v>47</v>
      </c>
      <c r="G33" s="23"/>
      <c r="H33" s="112" t="str">
        <f>SUBSTITUTE(Categorization!H33,"x",'Categorization (2)'!H$4)</f>
        <v/>
      </c>
      <c r="I33" s="112" t="str">
        <f>SUBSTITUTE(Categorization!I33,"x",'Categorization (2)'!I$4)</f>
        <v/>
      </c>
      <c r="J33" s="112" t="str">
        <f>SUBSTITUTE(Categorization!J33,"x",'Categorization (2)'!J$4)</f>
        <v/>
      </c>
      <c r="K33" s="112" t="str">
        <f>SUBSTITUTE(Categorization!K33,"x",'Categorization (2)'!K$4)</f>
        <v/>
      </c>
      <c r="L33" s="112" t="str">
        <f>SUBSTITUTE(Categorization!L33,"x",'Categorization (2)'!L$4)</f>
        <v/>
      </c>
      <c r="M33" s="112" t="str">
        <f>SUBSTITUTE(Categorization!M33,"x",'Categorization (2)'!M$4)</f>
        <v/>
      </c>
      <c r="N33" s="112" t="str">
        <f>SUBSTITUTE(Categorization!N33,"x",'Categorization (2)'!N$4)</f>
        <v/>
      </c>
      <c r="O33" s="112" t="str">
        <f>SUBSTITUTE(Categorization!O33,"x",'Categorization (2)'!O$4)</f>
        <v/>
      </c>
      <c r="P33" s="116" t="str">
        <f>SUBSTITUTE(Categorization!P33,"x",'Categorization (2)'!P$4)</f>
        <v/>
      </c>
      <c r="Q33" s="116" t="str">
        <f>SUBSTITUTE(Categorization!Q33,"x",'Categorization (2)'!Q$4)</f>
        <v/>
      </c>
      <c r="R33" s="120" t="str">
        <f>SUBSTITUTE(Categorization!R33,"x",'Categorization (2)'!R$4)</f>
        <v/>
      </c>
      <c r="S33" s="120" t="str">
        <f>SUBSTITUTE(Categorization!S33,"x",'Categorization (2)'!S$4)</f>
        <v/>
      </c>
      <c r="T33" s="120" t="str">
        <f>SUBSTITUTE(Categorization!T33,"x",'Categorization (2)'!T$4)</f>
        <v/>
      </c>
      <c r="U33" s="120" t="str">
        <f>SUBSTITUTE(Categorization!U33,"x",'Categorization (2)'!U$4)</f>
        <v/>
      </c>
      <c r="V33" s="127" t="str">
        <f>SUBSTITUTE(Categorization!V33,"x",'Categorization (2)'!V$4)</f>
        <v xml:space="preserve">Środki opatrunkowe i higeniczne/ Pieluchy dla dorosłych/ </v>
      </c>
      <c r="W33" s="127" t="str">
        <f>SUBSTITUTE(Categorization!W33,"x",'Categorization (2)'!W$4)</f>
        <v/>
      </c>
      <c r="X33" s="127" t="str">
        <f>SUBSTITUTE(Categorization!X33,"x",'Categorization (2)'!X$4)</f>
        <v/>
      </c>
      <c r="Y33" s="127" t="str">
        <f>SUBSTITUTE(Categorization!Y33,"x",'Categorization (2)'!Y$4)</f>
        <v/>
      </c>
      <c r="Z33" s="127" t="str">
        <f>SUBSTITUTE(Categorization!Z33,"x",'Categorization (2)'!Z$4)</f>
        <v/>
      </c>
      <c r="AA33" s="124" t="str">
        <f>SUBSTITUTE(Categorization!AA33,"x",'Categorization (2)'!AA$4)</f>
        <v/>
      </c>
      <c r="AB33" s="124" t="str">
        <f>SUBSTITUTE(Categorization!AB33,"x",'Categorization (2)'!AB$4)</f>
        <v/>
      </c>
      <c r="AC33" s="124" t="str">
        <f>SUBSTITUTE(Categorization!AC33,"x",'Categorization (2)'!AC$4)</f>
        <v/>
      </c>
      <c r="AD33" s="124" t="str">
        <f>SUBSTITUTE(Categorization!AD33,"x",'Categorization (2)'!AD$4)</f>
        <v/>
      </c>
      <c r="AE33" s="124" t="str">
        <f>SUBSTITUTE(Categorization!AE33,"x",'Categorization (2)'!AE$4)</f>
        <v/>
      </c>
      <c r="AF33" s="108" t="str">
        <f>SUBSTITUTE(Categorization!AF33,"x",'Categorization (2)'!AF$4)</f>
        <v/>
      </c>
      <c r="AG33" s="108" t="str">
        <f>SUBSTITUTE(Categorization!AG33,"x",'Categorization (2)'!AG$4)</f>
        <v xml:space="preserve">Drogi moczowe/ nietrzymanie moczu/ Pieluchomajtki/ </v>
      </c>
      <c r="AH33" s="108" t="str">
        <f>SUBSTITUTE(Categorization!AH33,"x",'Categorization (2)'!AH$4)</f>
        <v xml:space="preserve">Drogi moczowe/ nietrzymanie moczu/ Pieluchy dla dorosłych/ </v>
      </c>
      <c r="AI33" s="108" t="str">
        <f>SUBSTITUTE(Categorization!AI33,"x",'Categorization (2)'!AI$4)</f>
        <v/>
      </c>
      <c r="AJ33" s="108" t="str">
        <f>SUBSTITUTE(Categorization!AJ33,"x",'Categorization (2)'!AJ$4)</f>
        <v xml:space="preserve">Drogi moczowe/ nietrzymanie moczu/ Majtki chłonne/ </v>
      </c>
      <c r="AK33" s="116" t="str">
        <f>SUBSTITUTE(Categorization!AK33,"x",'Categorization (2)'!AK$4)</f>
        <v/>
      </c>
      <c r="AL33" s="129" t="str">
        <f>SUBSTITUTE(Categorization!AL33,"x",'Categorization (2)'!AL$4)</f>
        <v/>
      </c>
      <c r="AM33" s="129" t="str">
        <f>SUBSTITUTE(Categorization!AM33,"x",'Categorization (2)'!AM$4)</f>
        <v/>
      </c>
      <c r="AN33" s="131" t="str">
        <f>SUBSTITUTE(Categorization!AN33,"x",'Categorization (2)'!AN$4)</f>
        <v/>
      </c>
      <c r="AO33" s="131" t="str">
        <f>SUBSTITUTE(Categorization!AO33,"x",'Categorization (2)'!AO$4)</f>
        <v xml:space="preserve">Sklep rehabilitacyjny/ Higiena i pielęgnacja chorych/ </v>
      </c>
      <c r="AP33" s="131" t="str">
        <f>SUBSTITUTE(Categorization!AP33,"x",'Categorization (2)'!AP$4)</f>
        <v/>
      </c>
      <c r="AQ33" s="131" t="str">
        <f>SUBSTITUTE(Categorization!AQ33,"x",'Categorization (2)'!AQ$4)</f>
        <v/>
      </c>
      <c r="AR33" s="131" t="str">
        <f>SUBSTITUTE(Categorization!AR33,"x",'Categorization (2)'!AR$4)</f>
        <v xml:space="preserve">Sklep rehabilitacyjny/ Artykuły medyczne i rehabilitacyjne/ </v>
      </c>
      <c r="AS33" s="131" t="str">
        <f>SUBSTITUTE(Categorization!AS33,"x",'Categorization (2)'!AS$4)</f>
        <v xml:space="preserve">Sklep rehabilitacyjny/ Akcesoria dla osób starszych i niepełnosprawnych/ </v>
      </c>
      <c r="AT33" s="131" t="str">
        <f>SUBSTITUTE(Categorization!AT33,"x",'Categorization (2)'!AT$4)</f>
        <v/>
      </c>
      <c r="AU33" s="103"/>
      <c r="AV33" s="97"/>
    </row>
    <row r="34" spans="1:48" s="2" customFormat="1" ht="13.5" customHeight="1">
      <c r="A34" s="9"/>
      <c r="B34" s="9" t="s">
        <v>246</v>
      </c>
      <c r="C34" s="5">
        <v>30</v>
      </c>
      <c r="D34" s="11">
        <v>12</v>
      </c>
      <c r="E34" s="11">
        <v>792712</v>
      </c>
      <c r="F34" s="6" t="s">
        <v>77</v>
      </c>
      <c r="G34" s="23"/>
      <c r="H34" s="112" t="str">
        <f>SUBSTITUTE(Categorization!H34,"x",'Categorization (2)'!H$4)</f>
        <v/>
      </c>
      <c r="I34" s="112" t="str">
        <f>SUBSTITUTE(Categorization!I34,"x",'Categorization (2)'!I$4)</f>
        <v/>
      </c>
      <c r="J34" s="112" t="str">
        <f>SUBSTITUTE(Categorization!J34,"x",'Categorization (2)'!J$4)</f>
        <v/>
      </c>
      <c r="K34" s="112" t="str">
        <f>SUBSTITUTE(Categorization!K34,"x",'Categorization (2)'!K$4)</f>
        <v/>
      </c>
      <c r="L34" s="112" t="str">
        <f>SUBSTITUTE(Categorization!L34,"x",'Categorization (2)'!L$4)</f>
        <v/>
      </c>
      <c r="M34" s="112" t="str">
        <f>SUBSTITUTE(Categorization!M34,"x",'Categorization (2)'!M$4)</f>
        <v/>
      </c>
      <c r="N34" s="112" t="str">
        <f>SUBSTITUTE(Categorization!N34,"x",'Categorization (2)'!N$4)</f>
        <v/>
      </c>
      <c r="O34" s="112" t="str">
        <f>SUBSTITUTE(Categorization!O34,"x",'Categorization (2)'!O$4)</f>
        <v/>
      </c>
      <c r="P34" s="116" t="str">
        <f>SUBSTITUTE(Categorization!P34,"x",'Categorization (2)'!P$4)</f>
        <v/>
      </c>
      <c r="Q34" s="116" t="str">
        <f>SUBSTITUTE(Categorization!Q34,"x",'Categorization (2)'!Q$4)</f>
        <v/>
      </c>
      <c r="R34" s="120" t="str">
        <f>SUBSTITUTE(Categorization!R34,"x",'Categorization (2)'!R$4)</f>
        <v/>
      </c>
      <c r="S34" s="120" t="str">
        <f>SUBSTITUTE(Categorization!S34,"x",'Categorization (2)'!S$4)</f>
        <v/>
      </c>
      <c r="T34" s="120" t="str">
        <f>SUBSTITUTE(Categorization!T34,"x",'Categorization (2)'!T$4)</f>
        <v/>
      </c>
      <c r="U34" s="120" t="str">
        <f>SUBSTITUTE(Categorization!U34,"x",'Categorization (2)'!U$4)</f>
        <v/>
      </c>
      <c r="V34" s="127" t="str">
        <f>SUBSTITUTE(Categorization!V34,"x",'Categorization (2)'!V$4)</f>
        <v xml:space="preserve">Środki opatrunkowe i higeniczne/ Pieluchy dla dorosłych/ </v>
      </c>
      <c r="W34" s="127" t="str">
        <f>SUBSTITUTE(Categorization!W34,"x",'Categorization (2)'!W$4)</f>
        <v/>
      </c>
      <c r="X34" s="127" t="str">
        <f>SUBSTITUTE(Categorization!X34,"x",'Categorization (2)'!X$4)</f>
        <v/>
      </c>
      <c r="Y34" s="127" t="str">
        <f>SUBSTITUTE(Categorization!Y34,"x",'Categorization (2)'!Y$4)</f>
        <v/>
      </c>
      <c r="Z34" s="127" t="str">
        <f>SUBSTITUTE(Categorization!Z34,"x",'Categorization (2)'!Z$4)</f>
        <v/>
      </c>
      <c r="AA34" s="124" t="str">
        <f>SUBSTITUTE(Categorization!AA34,"x",'Categorization (2)'!AA$4)</f>
        <v/>
      </c>
      <c r="AB34" s="124" t="str">
        <f>SUBSTITUTE(Categorization!AB34,"x",'Categorization (2)'!AB$4)</f>
        <v/>
      </c>
      <c r="AC34" s="124" t="str">
        <f>SUBSTITUTE(Categorization!AC34,"x",'Categorization (2)'!AC$4)</f>
        <v/>
      </c>
      <c r="AD34" s="124" t="str">
        <f>SUBSTITUTE(Categorization!AD34,"x",'Categorization (2)'!AD$4)</f>
        <v/>
      </c>
      <c r="AE34" s="124" t="str">
        <f>SUBSTITUTE(Categorization!AE34,"x",'Categorization (2)'!AE$4)</f>
        <v/>
      </c>
      <c r="AF34" s="108" t="str">
        <f>SUBSTITUTE(Categorization!AF34,"x",'Categorization (2)'!AF$4)</f>
        <v/>
      </c>
      <c r="AG34" s="108" t="str">
        <f>SUBSTITUTE(Categorization!AG34,"x",'Categorization (2)'!AG$4)</f>
        <v xml:space="preserve">Drogi moczowe/ nietrzymanie moczu/ Pieluchomajtki/ </v>
      </c>
      <c r="AH34" s="108" t="str">
        <f>SUBSTITUTE(Categorization!AH34,"x",'Categorization (2)'!AH$4)</f>
        <v xml:space="preserve">Drogi moczowe/ nietrzymanie moczu/ Pieluchy dla dorosłych/ </v>
      </c>
      <c r="AI34" s="108" t="str">
        <f>SUBSTITUTE(Categorization!AI34,"x",'Categorization (2)'!AI$4)</f>
        <v/>
      </c>
      <c r="AJ34" s="108" t="str">
        <f>SUBSTITUTE(Categorization!AJ34,"x",'Categorization (2)'!AJ$4)</f>
        <v xml:space="preserve">Drogi moczowe/ nietrzymanie moczu/ Majtki chłonne/ </v>
      </c>
      <c r="AK34" s="116" t="str">
        <f>SUBSTITUTE(Categorization!AK34,"x",'Categorization (2)'!AK$4)</f>
        <v/>
      </c>
      <c r="AL34" s="129" t="str">
        <f>SUBSTITUTE(Categorization!AL34,"x",'Categorization (2)'!AL$4)</f>
        <v/>
      </c>
      <c r="AM34" s="129" t="str">
        <f>SUBSTITUTE(Categorization!AM34,"x",'Categorization (2)'!AM$4)</f>
        <v/>
      </c>
      <c r="AN34" s="131" t="str">
        <f>SUBSTITUTE(Categorization!AN34,"x",'Categorization (2)'!AN$4)</f>
        <v/>
      </c>
      <c r="AO34" s="131" t="str">
        <f>SUBSTITUTE(Categorization!AO34,"x",'Categorization (2)'!AO$4)</f>
        <v xml:space="preserve">Sklep rehabilitacyjny/ Higiena i pielęgnacja chorych/ </v>
      </c>
      <c r="AP34" s="131" t="str">
        <f>SUBSTITUTE(Categorization!AP34,"x",'Categorization (2)'!AP$4)</f>
        <v/>
      </c>
      <c r="AQ34" s="131" t="str">
        <f>SUBSTITUTE(Categorization!AQ34,"x",'Categorization (2)'!AQ$4)</f>
        <v/>
      </c>
      <c r="AR34" s="131" t="str">
        <f>SUBSTITUTE(Categorization!AR34,"x",'Categorization (2)'!AR$4)</f>
        <v xml:space="preserve">Sklep rehabilitacyjny/ Artykuły medyczne i rehabilitacyjne/ </v>
      </c>
      <c r="AS34" s="131" t="str">
        <f>SUBSTITUTE(Categorization!AS34,"x",'Categorization (2)'!AS$4)</f>
        <v xml:space="preserve">Sklep rehabilitacyjny/ Akcesoria dla osób starszych i niepełnosprawnych/ </v>
      </c>
      <c r="AT34" s="131" t="str">
        <f>SUBSTITUTE(Categorization!AT34,"x",'Categorization (2)'!AT$4)</f>
        <v/>
      </c>
      <c r="AU34" s="103"/>
      <c r="AV34" s="97"/>
    </row>
    <row r="35" spans="1:48" s="2" customFormat="1" ht="13.5" customHeight="1">
      <c r="A35" s="9"/>
      <c r="B35" s="9" t="s">
        <v>246</v>
      </c>
      <c r="C35" s="5">
        <v>31</v>
      </c>
      <c r="D35" s="11">
        <v>12</v>
      </c>
      <c r="E35" s="11">
        <v>793512</v>
      </c>
      <c r="F35" s="6" t="s">
        <v>51</v>
      </c>
      <c r="G35" s="23"/>
      <c r="H35" s="112" t="str">
        <f>SUBSTITUTE(Categorization!H35,"x",'Categorization (2)'!H$4)</f>
        <v/>
      </c>
      <c r="I35" s="112" t="str">
        <f>SUBSTITUTE(Categorization!I35,"x",'Categorization (2)'!I$4)</f>
        <v/>
      </c>
      <c r="J35" s="112" t="str">
        <f>SUBSTITUTE(Categorization!J35,"x",'Categorization (2)'!J$4)</f>
        <v/>
      </c>
      <c r="K35" s="112" t="str">
        <f>SUBSTITUTE(Categorization!K35,"x",'Categorization (2)'!K$4)</f>
        <v/>
      </c>
      <c r="L35" s="112" t="str">
        <f>SUBSTITUTE(Categorization!L35,"x",'Categorization (2)'!L$4)</f>
        <v/>
      </c>
      <c r="M35" s="112" t="str">
        <f>SUBSTITUTE(Categorization!M35,"x",'Categorization (2)'!M$4)</f>
        <v/>
      </c>
      <c r="N35" s="112" t="str">
        <f>SUBSTITUTE(Categorization!N35,"x",'Categorization (2)'!N$4)</f>
        <v/>
      </c>
      <c r="O35" s="112" t="str">
        <f>SUBSTITUTE(Categorization!O35,"x",'Categorization (2)'!O$4)</f>
        <v/>
      </c>
      <c r="P35" s="116" t="str">
        <f>SUBSTITUTE(Categorization!P35,"x",'Categorization (2)'!P$4)</f>
        <v/>
      </c>
      <c r="Q35" s="116" t="str">
        <f>SUBSTITUTE(Categorization!Q35,"x",'Categorization (2)'!Q$4)</f>
        <v/>
      </c>
      <c r="R35" s="120" t="str">
        <f>SUBSTITUTE(Categorization!R35,"x",'Categorization (2)'!R$4)</f>
        <v/>
      </c>
      <c r="S35" s="120" t="str">
        <f>SUBSTITUTE(Categorization!S35,"x",'Categorization (2)'!S$4)</f>
        <v/>
      </c>
      <c r="T35" s="120" t="str">
        <f>SUBSTITUTE(Categorization!T35,"x",'Categorization (2)'!T$4)</f>
        <v/>
      </c>
      <c r="U35" s="120" t="str">
        <f>SUBSTITUTE(Categorization!U35,"x",'Categorization (2)'!U$4)</f>
        <v/>
      </c>
      <c r="V35" s="127" t="str">
        <f>SUBSTITUTE(Categorization!V35,"x",'Categorization (2)'!V$4)</f>
        <v xml:space="preserve">Środki opatrunkowe i higeniczne/ Pieluchy dla dorosłych/ </v>
      </c>
      <c r="W35" s="127" t="str">
        <f>SUBSTITUTE(Categorization!W35,"x",'Categorization (2)'!W$4)</f>
        <v/>
      </c>
      <c r="X35" s="127" t="str">
        <f>SUBSTITUTE(Categorization!X35,"x",'Categorization (2)'!X$4)</f>
        <v/>
      </c>
      <c r="Y35" s="127" t="str">
        <f>SUBSTITUTE(Categorization!Y35,"x",'Categorization (2)'!Y$4)</f>
        <v/>
      </c>
      <c r="Z35" s="127" t="str">
        <f>SUBSTITUTE(Categorization!Z35,"x",'Categorization (2)'!Z$4)</f>
        <v/>
      </c>
      <c r="AA35" s="124" t="str">
        <f>SUBSTITUTE(Categorization!AA35,"x",'Categorization (2)'!AA$4)</f>
        <v/>
      </c>
      <c r="AB35" s="124" t="str">
        <f>SUBSTITUTE(Categorization!AB35,"x",'Categorization (2)'!AB$4)</f>
        <v/>
      </c>
      <c r="AC35" s="124" t="str">
        <f>SUBSTITUTE(Categorization!AC35,"x",'Categorization (2)'!AC$4)</f>
        <v/>
      </c>
      <c r="AD35" s="124" t="str">
        <f>SUBSTITUTE(Categorization!AD35,"x",'Categorization (2)'!AD$4)</f>
        <v/>
      </c>
      <c r="AE35" s="124" t="str">
        <f>SUBSTITUTE(Categorization!AE35,"x",'Categorization (2)'!AE$4)</f>
        <v/>
      </c>
      <c r="AF35" s="108" t="str">
        <f>SUBSTITUTE(Categorization!AF35,"x",'Categorization (2)'!AF$4)</f>
        <v/>
      </c>
      <c r="AG35" s="108" t="str">
        <f>SUBSTITUTE(Categorization!AG35,"x",'Categorization (2)'!AG$4)</f>
        <v xml:space="preserve">Drogi moczowe/ nietrzymanie moczu/ Pieluchomajtki/ </v>
      </c>
      <c r="AH35" s="108" t="str">
        <f>SUBSTITUTE(Categorization!AH35,"x",'Categorization (2)'!AH$4)</f>
        <v xml:space="preserve">Drogi moczowe/ nietrzymanie moczu/ Pieluchy dla dorosłych/ </v>
      </c>
      <c r="AI35" s="108" t="str">
        <f>SUBSTITUTE(Categorization!AI35,"x",'Categorization (2)'!AI$4)</f>
        <v/>
      </c>
      <c r="AJ35" s="108" t="str">
        <f>SUBSTITUTE(Categorization!AJ35,"x",'Categorization (2)'!AJ$4)</f>
        <v xml:space="preserve">Drogi moczowe/ nietrzymanie moczu/ Majtki chłonne/ </v>
      </c>
      <c r="AK35" s="116" t="str">
        <f>SUBSTITUTE(Categorization!AK35,"x",'Categorization (2)'!AK$4)</f>
        <v/>
      </c>
      <c r="AL35" s="129" t="str">
        <f>SUBSTITUTE(Categorization!AL35,"x",'Categorization (2)'!AL$4)</f>
        <v/>
      </c>
      <c r="AM35" s="129" t="str">
        <f>SUBSTITUTE(Categorization!AM35,"x",'Categorization (2)'!AM$4)</f>
        <v/>
      </c>
      <c r="AN35" s="131" t="str">
        <f>SUBSTITUTE(Categorization!AN35,"x",'Categorization (2)'!AN$4)</f>
        <v/>
      </c>
      <c r="AO35" s="131" t="str">
        <f>SUBSTITUTE(Categorization!AO35,"x",'Categorization (2)'!AO$4)</f>
        <v xml:space="preserve">Sklep rehabilitacyjny/ Higiena i pielęgnacja chorych/ </v>
      </c>
      <c r="AP35" s="131" t="str">
        <f>SUBSTITUTE(Categorization!AP35,"x",'Categorization (2)'!AP$4)</f>
        <v/>
      </c>
      <c r="AQ35" s="131" t="str">
        <f>SUBSTITUTE(Categorization!AQ35,"x",'Categorization (2)'!AQ$4)</f>
        <v/>
      </c>
      <c r="AR35" s="131" t="str">
        <f>SUBSTITUTE(Categorization!AR35,"x",'Categorization (2)'!AR$4)</f>
        <v xml:space="preserve">Sklep rehabilitacyjny/ Artykuły medyczne i rehabilitacyjne/ </v>
      </c>
      <c r="AS35" s="131" t="str">
        <f>SUBSTITUTE(Categorization!AS35,"x",'Categorization (2)'!AS$4)</f>
        <v xml:space="preserve">Sklep rehabilitacyjny/ Akcesoria dla osób starszych i niepełnosprawnych/ </v>
      </c>
      <c r="AT35" s="131" t="str">
        <f>SUBSTITUTE(Categorization!AT35,"x",'Categorization (2)'!AT$4)</f>
        <v/>
      </c>
      <c r="AU35" s="103"/>
      <c r="AV35" s="97"/>
    </row>
    <row r="36" spans="1:48" s="2" customFormat="1" ht="13.5" customHeight="1">
      <c r="A36" s="9"/>
      <c r="B36" s="9" t="s">
        <v>246</v>
      </c>
      <c r="C36" s="5">
        <v>32</v>
      </c>
      <c r="D36" s="11">
        <v>12</v>
      </c>
      <c r="E36" s="11">
        <v>793612</v>
      </c>
      <c r="F36" s="6" t="s">
        <v>52</v>
      </c>
      <c r="G36" s="23"/>
      <c r="H36" s="112" t="str">
        <f>SUBSTITUTE(Categorization!H36,"x",'Categorization (2)'!H$4)</f>
        <v/>
      </c>
      <c r="I36" s="112" t="str">
        <f>SUBSTITUTE(Categorization!I36,"x",'Categorization (2)'!I$4)</f>
        <v/>
      </c>
      <c r="J36" s="112" t="str">
        <f>SUBSTITUTE(Categorization!J36,"x",'Categorization (2)'!J$4)</f>
        <v/>
      </c>
      <c r="K36" s="112" t="str">
        <f>SUBSTITUTE(Categorization!K36,"x",'Categorization (2)'!K$4)</f>
        <v/>
      </c>
      <c r="L36" s="112" t="str">
        <f>SUBSTITUTE(Categorization!L36,"x",'Categorization (2)'!L$4)</f>
        <v/>
      </c>
      <c r="M36" s="112" t="str">
        <f>SUBSTITUTE(Categorization!M36,"x",'Categorization (2)'!M$4)</f>
        <v/>
      </c>
      <c r="N36" s="112" t="str">
        <f>SUBSTITUTE(Categorization!N36,"x",'Categorization (2)'!N$4)</f>
        <v/>
      </c>
      <c r="O36" s="112" t="str">
        <f>SUBSTITUTE(Categorization!O36,"x",'Categorization (2)'!O$4)</f>
        <v/>
      </c>
      <c r="P36" s="116" t="str">
        <f>SUBSTITUTE(Categorization!P36,"x",'Categorization (2)'!P$4)</f>
        <v/>
      </c>
      <c r="Q36" s="116" t="str">
        <f>SUBSTITUTE(Categorization!Q36,"x",'Categorization (2)'!Q$4)</f>
        <v/>
      </c>
      <c r="R36" s="120" t="str">
        <f>SUBSTITUTE(Categorization!R36,"x",'Categorization (2)'!R$4)</f>
        <v/>
      </c>
      <c r="S36" s="120" t="str">
        <f>SUBSTITUTE(Categorization!S36,"x",'Categorization (2)'!S$4)</f>
        <v/>
      </c>
      <c r="T36" s="120" t="str">
        <f>SUBSTITUTE(Categorization!T36,"x",'Categorization (2)'!T$4)</f>
        <v/>
      </c>
      <c r="U36" s="120" t="str">
        <f>SUBSTITUTE(Categorization!U36,"x",'Categorization (2)'!U$4)</f>
        <v/>
      </c>
      <c r="V36" s="127" t="str">
        <f>SUBSTITUTE(Categorization!V36,"x",'Categorization (2)'!V$4)</f>
        <v xml:space="preserve">Środki opatrunkowe i higeniczne/ Pieluchy dla dorosłych/ </v>
      </c>
      <c r="W36" s="127" t="str">
        <f>SUBSTITUTE(Categorization!W36,"x",'Categorization (2)'!W$4)</f>
        <v/>
      </c>
      <c r="X36" s="127" t="str">
        <f>SUBSTITUTE(Categorization!X36,"x",'Categorization (2)'!X$4)</f>
        <v/>
      </c>
      <c r="Y36" s="127" t="str">
        <f>SUBSTITUTE(Categorization!Y36,"x",'Categorization (2)'!Y$4)</f>
        <v/>
      </c>
      <c r="Z36" s="127" t="str">
        <f>SUBSTITUTE(Categorization!Z36,"x",'Categorization (2)'!Z$4)</f>
        <v/>
      </c>
      <c r="AA36" s="124" t="str">
        <f>SUBSTITUTE(Categorization!AA36,"x",'Categorization (2)'!AA$4)</f>
        <v/>
      </c>
      <c r="AB36" s="124" t="str">
        <f>SUBSTITUTE(Categorization!AB36,"x",'Categorization (2)'!AB$4)</f>
        <v/>
      </c>
      <c r="AC36" s="124" t="str">
        <f>SUBSTITUTE(Categorization!AC36,"x",'Categorization (2)'!AC$4)</f>
        <v/>
      </c>
      <c r="AD36" s="124" t="str">
        <f>SUBSTITUTE(Categorization!AD36,"x",'Categorization (2)'!AD$4)</f>
        <v/>
      </c>
      <c r="AE36" s="124" t="str">
        <f>SUBSTITUTE(Categorization!AE36,"x",'Categorization (2)'!AE$4)</f>
        <v/>
      </c>
      <c r="AF36" s="108" t="str">
        <f>SUBSTITUTE(Categorization!AF36,"x",'Categorization (2)'!AF$4)</f>
        <v/>
      </c>
      <c r="AG36" s="108" t="str">
        <f>SUBSTITUTE(Categorization!AG36,"x",'Categorization (2)'!AG$4)</f>
        <v xml:space="preserve">Drogi moczowe/ nietrzymanie moczu/ Pieluchomajtki/ </v>
      </c>
      <c r="AH36" s="108" t="str">
        <f>SUBSTITUTE(Categorization!AH36,"x",'Categorization (2)'!AH$4)</f>
        <v xml:space="preserve">Drogi moczowe/ nietrzymanie moczu/ Pieluchy dla dorosłych/ </v>
      </c>
      <c r="AI36" s="108" t="str">
        <f>SUBSTITUTE(Categorization!AI36,"x",'Categorization (2)'!AI$4)</f>
        <v/>
      </c>
      <c r="AJ36" s="108" t="str">
        <f>SUBSTITUTE(Categorization!AJ36,"x",'Categorization (2)'!AJ$4)</f>
        <v xml:space="preserve">Drogi moczowe/ nietrzymanie moczu/ Majtki chłonne/ </v>
      </c>
      <c r="AK36" s="116" t="str">
        <f>SUBSTITUTE(Categorization!AK36,"x",'Categorization (2)'!AK$4)</f>
        <v/>
      </c>
      <c r="AL36" s="129" t="str">
        <f>SUBSTITUTE(Categorization!AL36,"x",'Categorization (2)'!AL$4)</f>
        <v/>
      </c>
      <c r="AM36" s="129" t="str">
        <f>SUBSTITUTE(Categorization!AM36,"x",'Categorization (2)'!AM$4)</f>
        <v/>
      </c>
      <c r="AN36" s="131" t="str">
        <f>SUBSTITUTE(Categorization!AN36,"x",'Categorization (2)'!AN$4)</f>
        <v/>
      </c>
      <c r="AO36" s="131" t="str">
        <f>SUBSTITUTE(Categorization!AO36,"x",'Categorization (2)'!AO$4)</f>
        <v xml:space="preserve">Sklep rehabilitacyjny/ Higiena i pielęgnacja chorych/ </v>
      </c>
      <c r="AP36" s="131" t="str">
        <f>SUBSTITUTE(Categorization!AP36,"x",'Categorization (2)'!AP$4)</f>
        <v/>
      </c>
      <c r="AQ36" s="131" t="str">
        <f>SUBSTITUTE(Categorization!AQ36,"x",'Categorization (2)'!AQ$4)</f>
        <v/>
      </c>
      <c r="AR36" s="131" t="str">
        <f>SUBSTITUTE(Categorization!AR36,"x",'Categorization (2)'!AR$4)</f>
        <v xml:space="preserve">Sklep rehabilitacyjny/ Artykuły medyczne i rehabilitacyjne/ </v>
      </c>
      <c r="AS36" s="131" t="str">
        <f>SUBSTITUTE(Categorization!AS36,"x",'Categorization (2)'!AS$4)</f>
        <v xml:space="preserve">Sklep rehabilitacyjny/ Akcesoria dla osób starszych i niepełnosprawnych/ </v>
      </c>
      <c r="AT36" s="131" t="str">
        <f>SUBSTITUTE(Categorization!AT36,"x",'Categorization (2)'!AT$4)</f>
        <v/>
      </c>
      <c r="AU36" s="103"/>
      <c r="AV36" s="97"/>
    </row>
    <row r="37" spans="1:48" s="2" customFormat="1" ht="13.5" customHeight="1">
      <c r="A37" s="9"/>
      <c r="B37" s="9" t="s">
        <v>247</v>
      </c>
      <c r="C37" s="5">
        <v>33</v>
      </c>
      <c r="D37" s="7">
        <v>30</v>
      </c>
      <c r="E37" s="7">
        <v>710430</v>
      </c>
      <c r="F37" s="6" t="s">
        <v>42</v>
      </c>
      <c r="G37" s="23"/>
      <c r="H37" s="112" t="str">
        <f>SUBSTITUTE(Categorization!H37,"x",'Categorization (2)'!H$4)</f>
        <v/>
      </c>
      <c r="I37" s="112" t="str">
        <f>SUBSTITUTE(Categorization!I37,"x",'Categorization (2)'!I$4)</f>
        <v/>
      </c>
      <c r="J37" s="112" t="str">
        <f>SUBSTITUTE(Categorization!J37,"x",'Categorization (2)'!J$4)</f>
        <v/>
      </c>
      <c r="K37" s="112" t="str">
        <f>SUBSTITUTE(Categorization!K37,"x",'Categorization (2)'!K$4)</f>
        <v/>
      </c>
      <c r="L37" s="112" t="str">
        <f>SUBSTITUTE(Categorization!L37,"x",'Categorization (2)'!L$4)</f>
        <v/>
      </c>
      <c r="M37" s="112" t="str">
        <f>SUBSTITUTE(Categorization!M37,"x",'Categorization (2)'!M$4)</f>
        <v/>
      </c>
      <c r="N37" s="112" t="str">
        <f>SUBSTITUTE(Categorization!N37,"x",'Categorization (2)'!N$4)</f>
        <v/>
      </c>
      <c r="O37" s="112" t="str">
        <f>SUBSTITUTE(Categorization!O37,"x",'Categorization (2)'!O$4)</f>
        <v/>
      </c>
      <c r="P37" s="116" t="str">
        <f>SUBSTITUTE(Categorization!P37,"x",'Categorization (2)'!P$4)</f>
        <v/>
      </c>
      <c r="Q37" s="116" t="str">
        <f>SUBSTITUTE(Categorization!Q37,"x",'Categorization (2)'!Q$4)</f>
        <v/>
      </c>
      <c r="R37" s="120" t="str">
        <f>SUBSTITUTE(Categorization!R37,"x",'Categorization (2)'!R$4)</f>
        <v/>
      </c>
      <c r="S37" s="120" t="str">
        <f>SUBSTITUTE(Categorization!S37,"x",'Categorization (2)'!S$4)</f>
        <v/>
      </c>
      <c r="T37" s="120" t="str">
        <f>SUBSTITUTE(Categorization!T37,"x",'Categorization (2)'!T$4)</f>
        <v/>
      </c>
      <c r="U37" s="120" t="str">
        <f>SUBSTITUTE(Categorization!U37,"x",'Categorization (2)'!U$4)</f>
        <v/>
      </c>
      <c r="V37" s="127" t="str">
        <f>SUBSTITUTE(Categorization!V37,"x",'Categorization (2)'!V$4)</f>
        <v xml:space="preserve">Środki opatrunkowe i higeniczne/ Pieluchy dla dorosłych/ </v>
      </c>
      <c r="W37" s="127" t="str">
        <f>SUBSTITUTE(Categorization!W37,"x",'Categorization (2)'!W$4)</f>
        <v/>
      </c>
      <c r="X37" s="127" t="str">
        <f>SUBSTITUTE(Categorization!X37,"x",'Categorization (2)'!X$4)</f>
        <v/>
      </c>
      <c r="Y37" s="127" t="str">
        <f>SUBSTITUTE(Categorization!Y37,"x",'Categorization (2)'!Y$4)</f>
        <v/>
      </c>
      <c r="Z37" s="127" t="str">
        <f>SUBSTITUTE(Categorization!Z37,"x",'Categorization (2)'!Z$4)</f>
        <v/>
      </c>
      <c r="AA37" s="124" t="str">
        <f>SUBSTITUTE(Categorization!AA37,"x",'Categorization (2)'!AA$4)</f>
        <v/>
      </c>
      <c r="AB37" s="124" t="str">
        <f>SUBSTITUTE(Categorization!AB37,"x",'Categorization (2)'!AB$4)</f>
        <v/>
      </c>
      <c r="AC37" s="124" t="str">
        <f>SUBSTITUTE(Categorization!AC37,"x",'Categorization (2)'!AC$4)</f>
        <v/>
      </c>
      <c r="AD37" s="124" t="str">
        <f>SUBSTITUTE(Categorization!AD37,"x",'Categorization (2)'!AD$4)</f>
        <v/>
      </c>
      <c r="AE37" s="124" t="str">
        <f>SUBSTITUTE(Categorization!AE37,"x",'Categorization (2)'!AE$4)</f>
        <v/>
      </c>
      <c r="AF37" s="108" t="str">
        <f>SUBSTITUTE(Categorization!AF37,"x",'Categorization (2)'!AF$4)</f>
        <v/>
      </c>
      <c r="AG37" s="108" t="str">
        <f>SUBSTITUTE(Categorization!AG37,"x",'Categorization (2)'!AG$4)</f>
        <v xml:space="preserve">Drogi moczowe/ nietrzymanie moczu/ Pieluchomajtki/ </v>
      </c>
      <c r="AH37" s="108" t="str">
        <f>SUBSTITUTE(Categorization!AH37,"x",'Categorization (2)'!AH$4)</f>
        <v xml:space="preserve">Drogi moczowe/ nietrzymanie moczu/ Pieluchy dla dorosłych/ </v>
      </c>
      <c r="AI37" s="108" t="str">
        <f>SUBSTITUTE(Categorization!AI37,"x",'Categorization (2)'!AI$4)</f>
        <v/>
      </c>
      <c r="AJ37" s="108" t="str">
        <f>SUBSTITUTE(Categorization!AJ37,"x",'Categorization (2)'!AJ$4)</f>
        <v/>
      </c>
      <c r="AK37" s="116" t="str">
        <f>SUBSTITUTE(Categorization!AK37,"x",'Categorization (2)'!AK$4)</f>
        <v/>
      </c>
      <c r="AL37" s="129" t="str">
        <f>SUBSTITUTE(Categorization!AL37,"x",'Categorization (2)'!AL$4)</f>
        <v/>
      </c>
      <c r="AM37" s="129" t="str">
        <f>SUBSTITUTE(Categorization!AM37,"x",'Categorization (2)'!AM$4)</f>
        <v/>
      </c>
      <c r="AN37" s="131" t="str">
        <f>SUBSTITUTE(Categorization!AN37,"x",'Categorization (2)'!AN$4)</f>
        <v/>
      </c>
      <c r="AO37" s="131" t="str">
        <f>SUBSTITUTE(Categorization!AO37,"x",'Categorization (2)'!AO$4)</f>
        <v xml:space="preserve">Sklep rehabilitacyjny/ Higiena i pielęgnacja chorych/ </v>
      </c>
      <c r="AP37" s="131" t="str">
        <f>SUBSTITUTE(Categorization!AP37,"x",'Categorization (2)'!AP$4)</f>
        <v xml:space="preserve">Sklep rehabilitacyjny/ Dla pacjenta leżącego/ </v>
      </c>
      <c r="AQ37" s="131" t="str">
        <f>SUBSTITUTE(Categorization!AQ37,"x",'Categorization (2)'!AQ$4)</f>
        <v/>
      </c>
      <c r="AR37" s="131" t="str">
        <f>SUBSTITUTE(Categorization!AR37,"x",'Categorization (2)'!AR$4)</f>
        <v xml:space="preserve">Sklep rehabilitacyjny/ Artykuły medyczne i rehabilitacyjne/ </v>
      </c>
      <c r="AS37" s="131" t="str">
        <f>SUBSTITUTE(Categorization!AS37,"x",'Categorization (2)'!AS$4)</f>
        <v xml:space="preserve">Sklep rehabilitacyjny/ Akcesoria dla osób starszych i niepełnosprawnych/ </v>
      </c>
      <c r="AT37" s="131" t="str">
        <f>SUBSTITUTE(Categorization!AT37,"x",'Categorization (2)'!AT$4)</f>
        <v/>
      </c>
      <c r="AU37" s="103"/>
      <c r="AV37" s="97"/>
    </row>
    <row r="38" spans="1:48" s="2" customFormat="1" ht="13.5" customHeight="1">
      <c r="A38" s="9"/>
      <c r="B38" s="9" t="s">
        <v>247</v>
      </c>
      <c r="C38" s="5">
        <v>34</v>
      </c>
      <c r="D38" s="7">
        <v>30</v>
      </c>
      <c r="E38" s="11">
        <v>710530</v>
      </c>
      <c r="F38" s="6" t="s">
        <v>25</v>
      </c>
      <c r="G38" s="23"/>
      <c r="H38" s="112" t="str">
        <f>SUBSTITUTE(Categorization!H38,"x",'Categorization (2)'!H$4)</f>
        <v/>
      </c>
      <c r="I38" s="112" t="str">
        <f>SUBSTITUTE(Categorization!I38,"x",'Categorization (2)'!I$4)</f>
        <v/>
      </c>
      <c r="J38" s="112" t="str">
        <f>SUBSTITUTE(Categorization!J38,"x",'Categorization (2)'!J$4)</f>
        <v/>
      </c>
      <c r="K38" s="112" t="str">
        <f>SUBSTITUTE(Categorization!K38,"x",'Categorization (2)'!K$4)</f>
        <v/>
      </c>
      <c r="L38" s="112" t="str">
        <f>SUBSTITUTE(Categorization!L38,"x",'Categorization (2)'!L$4)</f>
        <v/>
      </c>
      <c r="M38" s="112" t="str">
        <f>SUBSTITUTE(Categorization!M38,"x",'Categorization (2)'!M$4)</f>
        <v/>
      </c>
      <c r="N38" s="112" t="str">
        <f>SUBSTITUTE(Categorization!N38,"x",'Categorization (2)'!N$4)</f>
        <v/>
      </c>
      <c r="O38" s="112" t="str">
        <f>SUBSTITUTE(Categorization!O38,"x",'Categorization (2)'!O$4)</f>
        <v/>
      </c>
      <c r="P38" s="116" t="str">
        <f>SUBSTITUTE(Categorization!P38,"x",'Categorization (2)'!P$4)</f>
        <v/>
      </c>
      <c r="Q38" s="116" t="str">
        <f>SUBSTITUTE(Categorization!Q38,"x",'Categorization (2)'!Q$4)</f>
        <v/>
      </c>
      <c r="R38" s="120" t="str">
        <f>SUBSTITUTE(Categorization!R38,"x",'Categorization (2)'!R$4)</f>
        <v/>
      </c>
      <c r="S38" s="120" t="str">
        <f>SUBSTITUTE(Categorization!S38,"x",'Categorization (2)'!S$4)</f>
        <v/>
      </c>
      <c r="T38" s="120" t="str">
        <f>SUBSTITUTE(Categorization!T38,"x",'Categorization (2)'!T$4)</f>
        <v/>
      </c>
      <c r="U38" s="120" t="str">
        <f>SUBSTITUTE(Categorization!U38,"x",'Categorization (2)'!U$4)</f>
        <v/>
      </c>
      <c r="V38" s="127" t="str">
        <f>SUBSTITUTE(Categorization!V38,"x",'Categorization (2)'!V$4)</f>
        <v xml:space="preserve">Środki opatrunkowe i higeniczne/ Pieluchy dla dorosłych/ </v>
      </c>
      <c r="W38" s="127" t="str">
        <f>SUBSTITUTE(Categorization!W38,"x",'Categorization (2)'!W$4)</f>
        <v/>
      </c>
      <c r="X38" s="127" t="str">
        <f>SUBSTITUTE(Categorization!X38,"x",'Categorization (2)'!X$4)</f>
        <v/>
      </c>
      <c r="Y38" s="127" t="str">
        <f>SUBSTITUTE(Categorization!Y38,"x",'Categorization (2)'!Y$4)</f>
        <v/>
      </c>
      <c r="Z38" s="127" t="str">
        <f>SUBSTITUTE(Categorization!Z38,"x",'Categorization (2)'!Z$4)</f>
        <v/>
      </c>
      <c r="AA38" s="124" t="str">
        <f>SUBSTITUTE(Categorization!AA38,"x",'Categorization (2)'!AA$4)</f>
        <v/>
      </c>
      <c r="AB38" s="124" t="str">
        <f>SUBSTITUTE(Categorization!AB38,"x",'Categorization (2)'!AB$4)</f>
        <v/>
      </c>
      <c r="AC38" s="124" t="str">
        <f>SUBSTITUTE(Categorization!AC38,"x",'Categorization (2)'!AC$4)</f>
        <v/>
      </c>
      <c r="AD38" s="124" t="str">
        <f>SUBSTITUTE(Categorization!AD38,"x",'Categorization (2)'!AD$4)</f>
        <v/>
      </c>
      <c r="AE38" s="124" t="str">
        <f>SUBSTITUTE(Categorization!AE38,"x",'Categorization (2)'!AE$4)</f>
        <v/>
      </c>
      <c r="AF38" s="108" t="str">
        <f>SUBSTITUTE(Categorization!AF38,"x",'Categorization (2)'!AF$4)</f>
        <v/>
      </c>
      <c r="AG38" s="108" t="str">
        <f>SUBSTITUTE(Categorization!AG38,"x",'Categorization (2)'!AG$4)</f>
        <v xml:space="preserve">Drogi moczowe/ nietrzymanie moczu/ Pieluchomajtki/ </v>
      </c>
      <c r="AH38" s="108" t="str">
        <f>SUBSTITUTE(Categorization!AH38,"x",'Categorization (2)'!AH$4)</f>
        <v xml:space="preserve">Drogi moczowe/ nietrzymanie moczu/ Pieluchy dla dorosłych/ </v>
      </c>
      <c r="AI38" s="108" t="str">
        <f>SUBSTITUTE(Categorization!AI38,"x",'Categorization (2)'!AI$4)</f>
        <v/>
      </c>
      <c r="AJ38" s="108" t="str">
        <f>SUBSTITUTE(Categorization!AJ38,"x",'Categorization (2)'!AJ$4)</f>
        <v/>
      </c>
      <c r="AK38" s="116" t="str">
        <f>SUBSTITUTE(Categorization!AK38,"x",'Categorization (2)'!AK$4)</f>
        <v/>
      </c>
      <c r="AL38" s="129" t="str">
        <f>SUBSTITUTE(Categorization!AL38,"x",'Categorization (2)'!AL$4)</f>
        <v/>
      </c>
      <c r="AM38" s="129" t="str">
        <f>SUBSTITUTE(Categorization!AM38,"x",'Categorization (2)'!AM$4)</f>
        <v/>
      </c>
      <c r="AN38" s="131" t="str">
        <f>SUBSTITUTE(Categorization!AN38,"x",'Categorization (2)'!AN$4)</f>
        <v/>
      </c>
      <c r="AO38" s="131" t="str">
        <f>SUBSTITUTE(Categorization!AO38,"x",'Categorization (2)'!AO$4)</f>
        <v xml:space="preserve">Sklep rehabilitacyjny/ Higiena i pielęgnacja chorych/ </v>
      </c>
      <c r="AP38" s="131" t="str">
        <f>SUBSTITUTE(Categorization!AP38,"x",'Categorization (2)'!AP$4)</f>
        <v xml:space="preserve">Sklep rehabilitacyjny/ Dla pacjenta leżącego/ </v>
      </c>
      <c r="AQ38" s="131" t="str">
        <f>SUBSTITUTE(Categorization!AQ38,"x",'Categorization (2)'!AQ$4)</f>
        <v/>
      </c>
      <c r="AR38" s="131" t="str">
        <f>SUBSTITUTE(Categorization!AR38,"x",'Categorization (2)'!AR$4)</f>
        <v xml:space="preserve">Sklep rehabilitacyjny/ Artykuły medyczne i rehabilitacyjne/ </v>
      </c>
      <c r="AS38" s="131" t="str">
        <f>SUBSTITUTE(Categorization!AS38,"x",'Categorization (2)'!AS$4)</f>
        <v xml:space="preserve">Sklep rehabilitacyjny/ Akcesoria dla osób starszych i niepełnosprawnych/ </v>
      </c>
      <c r="AT38" s="131" t="str">
        <f>SUBSTITUTE(Categorization!AT38,"x",'Categorization (2)'!AT$4)</f>
        <v/>
      </c>
      <c r="AU38" s="103"/>
      <c r="AV38" s="97"/>
    </row>
    <row r="39" spans="1:48" s="2" customFormat="1" ht="13.5" customHeight="1">
      <c r="A39" s="9"/>
      <c r="B39" s="9" t="s">
        <v>247</v>
      </c>
      <c r="C39" s="5">
        <v>35</v>
      </c>
      <c r="D39" s="7">
        <v>10</v>
      </c>
      <c r="E39" s="11">
        <v>710610</v>
      </c>
      <c r="F39" s="6" t="s">
        <v>69</v>
      </c>
      <c r="G39" s="23"/>
      <c r="H39" s="112" t="str">
        <f>SUBSTITUTE(Categorization!H39,"x",'Categorization (2)'!H$4)</f>
        <v/>
      </c>
      <c r="I39" s="112" t="str">
        <f>SUBSTITUTE(Categorization!I39,"x",'Categorization (2)'!I$4)</f>
        <v/>
      </c>
      <c r="J39" s="112" t="str">
        <f>SUBSTITUTE(Categorization!J39,"x",'Categorization (2)'!J$4)</f>
        <v/>
      </c>
      <c r="K39" s="112" t="str">
        <f>SUBSTITUTE(Categorization!K39,"x",'Categorization (2)'!K$4)</f>
        <v/>
      </c>
      <c r="L39" s="112" t="str">
        <f>SUBSTITUTE(Categorization!L39,"x",'Categorization (2)'!L$4)</f>
        <v/>
      </c>
      <c r="M39" s="112" t="str">
        <f>SUBSTITUTE(Categorization!M39,"x",'Categorization (2)'!M$4)</f>
        <v/>
      </c>
      <c r="N39" s="112" t="str">
        <f>SUBSTITUTE(Categorization!N39,"x",'Categorization (2)'!N$4)</f>
        <v/>
      </c>
      <c r="O39" s="112" t="str">
        <f>SUBSTITUTE(Categorization!O39,"x",'Categorization (2)'!O$4)</f>
        <v/>
      </c>
      <c r="P39" s="116" t="str">
        <f>SUBSTITUTE(Categorization!P39,"x",'Categorization (2)'!P$4)</f>
        <v/>
      </c>
      <c r="Q39" s="116" t="str">
        <f>SUBSTITUTE(Categorization!Q39,"x",'Categorization (2)'!Q$4)</f>
        <v/>
      </c>
      <c r="R39" s="120" t="str">
        <f>SUBSTITUTE(Categorization!R39,"x",'Categorization (2)'!R$4)</f>
        <v/>
      </c>
      <c r="S39" s="120" t="str">
        <f>SUBSTITUTE(Categorization!S39,"x",'Categorization (2)'!S$4)</f>
        <v/>
      </c>
      <c r="T39" s="120" t="str">
        <f>SUBSTITUTE(Categorization!T39,"x",'Categorization (2)'!T$4)</f>
        <v/>
      </c>
      <c r="U39" s="120" t="str">
        <f>SUBSTITUTE(Categorization!U39,"x",'Categorization (2)'!U$4)</f>
        <v/>
      </c>
      <c r="V39" s="127" t="str">
        <f>SUBSTITUTE(Categorization!V39,"x",'Categorization (2)'!V$4)</f>
        <v xml:space="preserve">Środki opatrunkowe i higeniczne/ Pieluchy dla dorosłych/ </v>
      </c>
      <c r="W39" s="127" t="str">
        <f>SUBSTITUTE(Categorization!W39,"x",'Categorization (2)'!W$4)</f>
        <v/>
      </c>
      <c r="X39" s="127" t="str">
        <f>SUBSTITUTE(Categorization!X39,"x",'Categorization (2)'!X$4)</f>
        <v/>
      </c>
      <c r="Y39" s="127" t="str">
        <f>SUBSTITUTE(Categorization!Y39,"x",'Categorization (2)'!Y$4)</f>
        <v/>
      </c>
      <c r="Z39" s="127" t="str">
        <f>SUBSTITUTE(Categorization!Z39,"x",'Categorization (2)'!Z$4)</f>
        <v/>
      </c>
      <c r="AA39" s="124" t="str">
        <f>SUBSTITUTE(Categorization!AA39,"x",'Categorization (2)'!AA$4)</f>
        <v/>
      </c>
      <c r="AB39" s="124" t="str">
        <f>SUBSTITUTE(Categorization!AB39,"x",'Categorization (2)'!AB$4)</f>
        <v/>
      </c>
      <c r="AC39" s="124" t="str">
        <f>SUBSTITUTE(Categorization!AC39,"x",'Categorization (2)'!AC$4)</f>
        <v/>
      </c>
      <c r="AD39" s="124" t="str">
        <f>SUBSTITUTE(Categorization!AD39,"x",'Categorization (2)'!AD$4)</f>
        <v/>
      </c>
      <c r="AE39" s="124" t="str">
        <f>SUBSTITUTE(Categorization!AE39,"x",'Categorization (2)'!AE$4)</f>
        <v/>
      </c>
      <c r="AF39" s="108" t="str">
        <f>SUBSTITUTE(Categorization!AF39,"x",'Categorization (2)'!AF$4)</f>
        <v/>
      </c>
      <c r="AG39" s="108" t="str">
        <f>SUBSTITUTE(Categorization!AG39,"x",'Categorization (2)'!AG$4)</f>
        <v xml:space="preserve">Drogi moczowe/ nietrzymanie moczu/ Pieluchomajtki/ </v>
      </c>
      <c r="AH39" s="108" t="str">
        <f>SUBSTITUTE(Categorization!AH39,"x",'Categorization (2)'!AH$4)</f>
        <v xml:space="preserve">Drogi moczowe/ nietrzymanie moczu/ Pieluchy dla dorosłych/ </v>
      </c>
      <c r="AI39" s="108" t="str">
        <f>SUBSTITUTE(Categorization!AI39,"x",'Categorization (2)'!AI$4)</f>
        <v/>
      </c>
      <c r="AJ39" s="108" t="str">
        <f>SUBSTITUTE(Categorization!AJ39,"x",'Categorization (2)'!AJ$4)</f>
        <v/>
      </c>
      <c r="AK39" s="116" t="str">
        <f>SUBSTITUTE(Categorization!AK39,"x",'Categorization (2)'!AK$4)</f>
        <v/>
      </c>
      <c r="AL39" s="129" t="str">
        <f>SUBSTITUTE(Categorization!AL39,"x",'Categorization (2)'!AL$4)</f>
        <v/>
      </c>
      <c r="AM39" s="129" t="str">
        <f>SUBSTITUTE(Categorization!AM39,"x",'Categorization (2)'!AM$4)</f>
        <v/>
      </c>
      <c r="AN39" s="131" t="str">
        <f>SUBSTITUTE(Categorization!AN39,"x",'Categorization (2)'!AN$4)</f>
        <v/>
      </c>
      <c r="AO39" s="131" t="str">
        <f>SUBSTITUTE(Categorization!AO39,"x",'Categorization (2)'!AO$4)</f>
        <v xml:space="preserve">Sklep rehabilitacyjny/ Higiena i pielęgnacja chorych/ </v>
      </c>
      <c r="AP39" s="131" t="str">
        <f>SUBSTITUTE(Categorization!AP39,"x",'Categorization (2)'!AP$4)</f>
        <v xml:space="preserve">Sklep rehabilitacyjny/ Dla pacjenta leżącego/ </v>
      </c>
      <c r="AQ39" s="131" t="str">
        <f>SUBSTITUTE(Categorization!AQ39,"x",'Categorization (2)'!AQ$4)</f>
        <v/>
      </c>
      <c r="AR39" s="131" t="str">
        <f>SUBSTITUTE(Categorization!AR39,"x",'Categorization (2)'!AR$4)</f>
        <v xml:space="preserve">Sklep rehabilitacyjny/ Artykuły medyczne i rehabilitacyjne/ </v>
      </c>
      <c r="AS39" s="131" t="str">
        <f>SUBSTITUTE(Categorization!AS39,"x",'Categorization (2)'!AS$4)</f>
        <v xml:space="preserve">Sklep rehabilitacyjny/ Akcesoria dla osób starszych i niepełnosprawnych/ </v>
      </c>
      <c r="AT39" s="131" t="str">
        <f>SUBSTITUTE(Categorization!AT39,"x",'Categorization (2)'!AT$4)</f>
        <v/>
      </c>
      <c r="AU39" s="103"/>
      <c r="AV39" s="97"/>
    </row>
    <row r="40" spans="1:48" s="2" customFormat="1" ht="13.5" customHeight="1">
      <c r="A40" s="9"/>
      <c r="B40" s="9" t="s">
        <v>247</v>
      </c>
      <c r="C40" s="5">
        <v>36</v>
      </c>
      <c r="D40" s="7">
        <v>30</v>
      </c>
      <c r="E40" s="11">
        <v>710630</v>
      </c>
      <c r="F40" s="6" t="s">
        <v>26</v>
      </c>
      <c r="G40" s="23"/>
      <c r="H40" s="112" t="str">
        <f>SUBSTITUTE(Categorization!H40,"x",'Categorization (2)'!H$4)</f>
        <v/>
      </c>
      <c r="I40" s="112" t="str">
        <f>SUBSTITUTE(Categorization!I40,"x",'Categorization (2)'!I$4)</f>
        <v/>
      </c>
      <c r="J40" s="112" t="str">
        <f>SUBSTITUTE(Categorization!J40,"x",'Categorization (2)'!J$4)</f>
        <v/>
      </c>
      <c r="K40" s="112" t="str">
        <f>SUBSTITUTE(Categorization!K40,"x",'Categorization (2)'!K$4)</f>
        <v/>
      </c>
      <c r="L40" s="112" t="str">
        <f>SUBSTITUTE(Categorization!L40,"x",'Categorization (2)'!L$4)</f>
        <v/>
      </c>
      <c r="M40" s="112" t="str">
        <f>SUBSTITUTE(Categorization!M40,"x",'Categorization (2)'!M$4)</f>
        <v/>
      </c>
      <c r="N40" s="112" t="str">
        <f>SUBSTITUTE(Categorization!N40,"x",'Categorization (2)'!N$4)</f>
        <v/>
      </c>
      <c r="O40" s="112" t="str">
        <f>SUBSTITUTE(Categorization!O40,"x",'Categorization (2)'!O$4)</f>
        <v/>
      </c>
      <c r="P40" s="116" t="str">
        <f>SUBSTITUTE(Categorization!P40,"x",'Categorization (2)'!P$4)</f>
        <v/>
      </c>
      <c r="Q40" s="116" t="str">
        <f>SUBSTITUTE(Categorization!Q40,"x",'Categorization (2)'!Q$4)</f>
        <v/>
      </c>
      <c r="R40" s="120" t="str">
        <f>SUBSTITUTE(Categorization!R40,"x",'Categorization (2)'!R$4)</f>
        <v/>
      </c>
      <c r="S40" s="120" t="str">
        <f>SUBSTITUTE(Categorization!S40,"x",'Categorization (2)'!S$4)</f>
        <v/>
      </c>
      <c r="T40" s="120" t="str">
        <f>SUBSTITUTE(Categorization!T40,"x",'Categorization (2)'!T$4)</f>
        <v/>
      </c>
      <c r="U40" s="120" t="str">
        <f>SUBSTITUTE(Categorization!U40,"x",'Categorization (2)'!U$4)</f>
        <v/>
      </c>
      <c r="V40" s="127" t="str">
        <f>SUBSTITUTE(Categorization!V40,"x",'Categorization (2)'!V$4)</f>
        <v xml:space="preserve">Środki opatrunkowe i higeniczne/ Pieluchy dla dorosłych/ </v>
      </c>
      <c r="W40" s="127" t="str">
        <f>SUBSTITUTE(Categorization!W40,"x",'Categorization (2)'!W$4)</f>
        <v/>
      </c>
      <c r="X40" s="127" t="str">
        <f>SUBSTITUTE(Categorization!X40,"x",'Categorization (2)'!X$4)</f>
        <v/>
      </c>
      <c r="Y40" s="127" t="str">
        <f>SUBSTITUTE(Categorization!Y40,"x",'Categorization (2)'!Y$4)</f>
        <v/>
      </c>
      <c r="Z40" s="127" t="str">
        <f>SUBSTITUTE(Categorization!Z40,"x",'Categorization (2)'!Z$4)</f>
        <v/>
      </c>
      <c r="AA40" s="124" t="str">
        <f>SUBSTITUTE(Categorization!AA40,"x",'Categorization (2)'!AA$4)</f>
        <v/>
      </c>
      <c r="AB40" s="124" t="str">
        <f>SUBSTITUTE(Categorization!AB40,"x",'Categorization (2)'!AB$4)</f>
        <v/>
      </c>
      <c r="AC40" s="124" t="str">
        <f>SUBSTITUTE(Categorization!AC40,"x",'Categorization (2)'!AC$4)</f>
        <v/>
      </c>
      <c r="AD40" s="124" t="str">
        <f>SUBSTITUTE(Categorization!AD40,"x",'Categorization (2)'!AD$4)</f>
        <v/>
      </c>
      <c r="AE40" s="124" t="str">
        <f>SUBSTITUTE(Categorization!AE40,"x",'Categorization (2)'!AE$4)</f>
        <v/>
      </c>
      <c r="AF40" s="108" t="str">
        <f>SUBSTITUTE(Categorization!AF40,"x",'Categorization (2)'!AF$4)</f>
        <v/>
      </c>
      <c r="AG40" s="108" t="str">
        <f>SUBSTITUTE(Categorization!AG40,"x",'Categorization (2)'!AG$4)</f>
        <v xml:space="preserve">Drogi moczowe/ nietrzymanie moczu/ Pieluchomajtki/ </v>
      </c>
      <c r="AH40" s="108" t="str">
        <f>SUBSTITUTE(Categorization!AH40,"x",'Categorization (2)'!AH$4)</f>
        <v xml:space="preserve">Drogi moczowe/ nietrzymanie moczu/ Pieluchy dla dorosłych/ </v>
      </c>
      <c r="AI40" s="108" t="str">
        <f>SUBSTITUTE(Categorization!AI40,"x",'Categorization (2)'!AI$4)</f>
        <v/>
      </c>
      <c r="AJ40" s="108" t="str">
        <f>SUBSTITUTE(Categorization!AJ40,"x",'Categorization (2)'!AJ$4)</f>
        <v/>
      </c>
      <c r="AK40" s="116" t="str">
        <f>SUBSTITUTE(Categorization!AK40,"x",'Categorization (2)'!AK$4)</f>
        <v/>
      </c>
      <c r="AL40" s="129" t="str">
        <f>SUBSTITUTE(Categorization!AL40,"x",'Categorization (2)'!AL$4)</f>
        <v/>
      </c>
      <c r="AM40" s="129" t="str">
        <f>SUBSTITUTE(Categorization!AM40,"x",'Categorization (2)'!AM$4)</f>
        <v/>
      </c>
      <c r="AN40" s="131" t="str">
        <f>SUBSTITUTE(Categorization!AN40,"x",'Categorization (2)'!AN$4)</f>
        <v/>
      </c>
      <c r="AO40" s="131" t="str">
        <f>SUBSTITUTE(Categorization!AO40,"x",'Categorization (2)'!AO$4)</f>
        <v xml:space="preserve">Sklep rehabilitacyjny/ Higiena i pielęgnacja chorych/ </v>
      </c>
      <c r="AP40" s="131" t="str">
        <f>SUBSTITUTE(Categorization!AP40,"x",'Categorization (2)'!AP$4)</f>
        <v xml:space="preserve">Sklep rehabilitacyjny/ Dla pacjenta leżącego/ </v>
      </c>
      <c r="AQ40" s="131" t="str">
        <f>SUBSTITUTE(Categorization!AQ40,"x",'Categorization (2)'!AQ$4)</f>
        <v/>
      </c>
      <c r="AR40" s="131" t="str">
        <f>SUBSTITUTE(Categorization!AR40,"x",'Categorization (2)'!AR$4)</f>
        <v xml:space="preserve">Sklep rehabilitacyjny/ Artykuły medyczne i rehabilitacyjne/ </v>
      </c>
      <c r="AS40" s="131" t="str">
        <f>SUBSTITUTE(Categorization!AS40,"x",'Categorization (2)'!AS$4)</f>
        <v xml:space="preserve">Sklep rehabilitacyjny/ Akcesoria dla osób starszych i niepełnosprawnych/ </v>
      </c>
      <c r="AT40" s="131" t="str">
        <f>SUBSTITUTE(Categorization!AT40,"x",'Categorization (2)'!AT$4)</f>
        <v/>
      </c>
      <c r="AU40" s="103"/>
      <c r="AV40" s="97"/>
    </row>
    <row r="41" spans="1:48" s="2" customFormat="1" ht="13.5" customHeight="1">
      <c r="A41" s="9"/>
      <c r="B41" s="9" t="s">
        <v>247</v>
      </c>
      <c r="C41" s="5">
        <v>37</v>
      </c>
      <c r="D41" s="7">
        <v>10</v>
      </c>
      <c r="E41" s="11">
        <v>710710</v>
      </c>
      <c r="F41" s="6" t="s">
        <v>70</v>
      </c>
      <c r="G41" s="23"/>
      <c r="H41" s="112" t="str">
        <f>SUBSTITUTE(Categorization!H41,"x",'Categorization (2)'!H$4)</f>
        <v/>
      </c>
      <c r="I41" s="112" t="str">
        <f>SUBSTITUTE(Categorization!I41,"x",'Categorization (2)'!I$4)</f>
        <v/>
      </c>
      <c r="J41" s="112" t="str">
        <f>SUBSTITUTE(Categorization!J41,"x",'Categorization (2)'!J$4)</f>
        <v/>
      </c>
      <c r="K41" s="112" t="str">
        <f>SUBSTITUTE(Categorization!K41,"x",'Categorization (2)'!K$4)</f>
        <v/>
      </c>
      <c r="L41" s="112" t="str">
        <f>SUBSTITUTE(Categorization!L41,"x",'Categorization (2)'!L$4)</f>
        <v/>
      </c>
      <c r="M41" s="112" t="str">
        <f>SUBSTITUTE(Categorization!M41,"x",'Categorization (2)'!M$4)</f>
        <v/>
      </c>
      <c r="N41" s="112" t="str">
        <f>SUBSTITUTE(Categorization!N41,"x",'Categorization (2)'!N$4)</f>
        <v/>
      </c>
      <c r="O41" s="112" t="str">
        <f>SUBSTITUTE(Categorization!O41,"x",'Categorization (2)'!O$4)</f>
        <v/>
      </c>
      <c r="P41" s="116" t="str">
        <f>SUBSTITUTE(Categorization!P41,"x",'Categorization (2)'!P$4)</f>
        <v/>
      </c>
      <c r="Q41" s="116" t="str">
        <f>SUBSTITUTE(Categorization!Q41,"x",'Categorization (2)'!Q$4)</f>
        <v/>
      </c>
      <c r="R41" s="120" t="str">
        <f>SUBSTITUTE(Categorization!R41,"x",'Categorization (2)'!R$4)</f>
        <v/>
      </c>
      <c r="S41" s="120" t="str">
        <f>SUBSTITUTE(Categorization!S41,"x",'Categorization (2)'!S$4)</f>
        <v/>
      </c>
      <c r="T41" s="120" t="str">
        <f>SUBSTITUTE(Categorization!T41,"x",'Categorization (2)'!T$4)</f>
        <v/>
      </c>
      <c r="U41" s="120" t="str">
        <f>SUBSTITUTE(Categorization!U41,"x",'Categorization (2)'!U$4)</f>
        <v/>
      </c>
      <c r="V41" s="127" t="str">
        <f>SUBSTITUTE(Categorization!V41,"x",'Categorization (2)'!V$4)</f>
        <v xml:space="preserve">Środki opatrunkowe i higeniczne/ Pieluchy dla dorosłych/ </v>
      </c>
      <c r="W41" s="127" t="str">
        <f>SUBSTITUTE(Categorization!W41,"x",'Categorization (2)'!W$4)</f>
        <v/>
      </c>
      <c r="X41" s="127" t="str">
        <f>SUBSTITUTE(Categorization!X41,"x",'Categorization (2)'!X$4)</f>
        <v/>
      </c>
      <c r="Y41" s="127" t="str">
        <f>SUBSTITUTE(Categorization!Y41,"x",'Categorization (2)'!Y$4)</f>
        <v/>
      </c>
      <c r="Z41" s="127" t="str">
        <f>SUBSTITUTE(Categorization!Z41,"x",'Categorization (2)'!Z$4)</f>
        <v/>
      </c>
      <c r="AA41" s="124" t="str">
        <f>SUBSTITUTE(Categorization!AA41,"x",'Categorization (2)'!AA$4)</f>
        <v/>
      </c>
      <c r="AB41" s="124" t="str">
        <f>SUBSTITUTE(Categorization!AB41,"x",'Categorization (2)'!AB$4)</f>
        <v/>
      </c>
      <c r="AC41" s="124" t="str">
        <f>SUBSTITUTE(Categorization!AC41,"x",'Categorization (2)'!AC$4)</f>
        <v/>
      </c>
      <c r="AD41" s="124" t="str">
        <f>SUBSTITUTE(Categorization!AD41,"x",'Categorization (2)'!AD$4)</f>
        <v/>
      </c>
      <c r="AE41" s="124" t="str">
        <f>SUBSTITUTE(Categorization!AE41,"x",'Categorization (2)'!AE$4)</f>
        <v/>
      </c>
      <c r="AF41" s="108" t="str">
        <f>SUBSTITUTE(Categorization!AF41,"x",'Categorization (2)'!AF$4)</f>
        <v/>
      </c>
      <c r="AG41" s="108" t="str">
        <f>SUBSTITUTE(Categorization!AG41,"x",'Categorization (2)'!AG$4)</f>
        <v xml:space="preserve">Drogi moczowe/ nietrzymanie moczu/ Pieluchomajtki/ </v>
      </c>
      <c r="AH41" s="108" t="str">
        <f>SUBSTITUTE(Categorization!AH41,"x",'Categorization (2)'!AH$4)</f>
        <v xml:space="preserve">Drogi moczowe/ nietrzymanie moczu/ Pieluchy dla dorosłych/ </v>
      </c>
      <c r="AI41" s="108" t="str">
        <f>SUBSTITUTE(Categorization!AI41,"x",'Categorization (2)'!AI$4)</f>
        <v/>
      </c>
      <c r="AJ41" s="108" t="str">
        <f>SUBSTITUTE(Categorization!AJ41,"x",'Categorization (2)'!AJ$4)</f>
        <v/>
      </c>
      <c r="AK41" s="116" t="str">
        <f>SUBSTITUTE(Categorization!AK41,"x",'Categorization (2)'!AK$4)</f>
        <v/>
      </c>
      <c r="AL41" s="129" t="str">
        <f>SUBSTITUTE(Categorization!AL41,"x",'Categorization (2)'!AL$4)</f>
        <v/>
      </c>
      <c r="AM41" s="129" t="str">
        <f>SUBSTITUTE(Categorization!AM41,"x",'Categorization (2)'!AM$4)</f>
        <v/>
      </c>
      <c r="AN41" s="131" t="str">
        <f>SUBSTITUTE(Categorization!AN41,"x",'Categorization (2)'!AN$4)</f>
        <v/>
      </c>
      <c r="AO41" s="131" t="str">
        <f>SUBSTITUTE(Categorization!AO41,"x",'Categorization (2)'!AO$4)</f>
        <v xml:space="preserve">Sklep rehabilitacyjny/ Higiena i pielęgnacja chorych/ </v>
      </c>
      <c r="AP41" s="131" t="str">
        <f>SUBSTITUTE(Categorization!AP41,"x",'Categorization (2)'!AP$4)</f>
        <v xml:space="preserve">Sklep rehabilitacyjny/ Dla pacjenta leżącego/ </v>
      </c>
      <c r="AQ41" s="131" t="str">
        <f>SUBSTITUTE(Categorization!AQ41,"x",'Categorization (2)'!AQ$4)</f>
        <v/>
      </c>
      <c r="AR41" s="131" t="str">
        <f>SUBSTITUTE(Categorization!AR41,"x",'Categorization (2)'!AR$4)</f>
        <v xml:space="preserve">Sklep rehabilitacyjny/ Artykuły medyczne i rehabilitacyjne/ </v>
      </c>
      <c r="AS41" s="131" t="str">
        <f>SUBSTITUTE(Categorization!AS41,"x",'Categorization (2)'!AS$4)</f>
        <v xml:space="preserve">Sklep rehabilitacyjny/ Akcesoria dla osób starszych i niepełnosprawnych/ </v>
      </c>
      <c r="AT41" s="131" t="str">
        <f>SUBSTITUTE(Categorization!AT41,"x",'Categorization (2)'!AT$4)</f>
        <v/>
      </c>
      <c r="AU41" s="103"/>
      <c r="AV41" s="97"/>
    </row>
    <row r="42" spans="1:48" s="2" customFormat="1" ht="13.5" customHeight="1">
      <c r="A42" s="9"/>
      <c r="B42" s="9" t="s">
        <v>247</v>
      </c>
      <c r="C42" s="5">
        <v>38</v>
      </c>
      <c r="D42" s="7">
        <v>30</v>
      </c>
      <c r="E42" s="11">
        <v>710730</v>
      </c>
      <c r="F42" s="6" t="s">
        <v>27</v>
      </c>
      <c r="G42" s="23"/>
      <c r="H42" s="112" t="str">
        <f>SUBSTITUTE(Categorization!H42,"x",'Categorization (2)'!H$4)</f>
        <v/>
      </c>
      <c r="I42" s="112" t="str">
        <f>SUBSTITUTE(Categorization!I42,"x",'Categorization (2)'!I$4)</f>
        <v/>
      </c>
      <c r="J42" s="112" t="str">
        <f>SUBSTITUTE(Categorization!J42,"x",'Categorization (2)'!J$4)</f>
        <v/>
      </c>
      <c r="K42" s="112" t="str">
        <f>SUBSTITUTE(Categorization!K42,"x",'Categorization (2)'!K$4)</f>
        <v/>
      </c>
      <c r="L42" s="112" t="str">
        <f>SUBSTITUTE(Categorization!L42,"x",'Categorization (2)'!L$4)</f>
        <v/>
      </c>
      <c r="M42" s="112" t="str">
        <f>SUBSTITUTE(Categorization!M42,"x",'Categorization (2)'!M$4)</f>
        <v/>
      </c>
      <c r="N42" s="112" t="str">
        <f>SUBSTITUTE(Categorization!N42,"x",'Categorization (2)'!N$4)</f>
        <v/>
      </c>
      <c r="O42" s="112" t="str">
        <f>SUBSTITUTE(Categorization!O42,"x",'Categorization (2)'!O$4)</f>
        <v/>
      </c>
      <c r="P42" s="116" t="str">
        <f>SUBSTITUTE(Categorization!P42,"x",'Categorization (2)'!P$4)</f>
        <v/>
      </c>
      <c r="Q42" s="116" t="str">
        <f>SUBSTITUTE(Categorization!Q42,"x",'Categorization (2)'!Q$4)</f>
        <v/>
      </c>
      <c r="R42" s="120" t="str">
        <f>SUBSTITUTE(Categorization!R42,"x",'Categorization (2)'!R$4)</f>
        <v/>
      </c>
      <c r="S42" s="120" t="str">
        <f>SUBSTITUTE(Categorization!S42,"x",'Categorization (2)'!S$4)</f>
        <v/>
      </c>
      <c r="T42" s="120" t="str">
        <f>SUBSTITUTE(Categorization!T42,"x",'Categorization (2)'!T$4)</f>
        <v/>
      </c>
      <c r="U42" s="120" t="str">
        <f>SUBSTITUTE(Categorization!U42,"x",'Categorization (2)'!U$4)</f>
        <v/>
      </c>
      <c r="V42" s="127" t="str">
        <f>SUBSTITUTE(Categorization!V42,"x",'Categorization (2)'!V$4)</f>
        <v xml:space="preserve">Środki opatrunkowe i higeniczne/ Pieluchy dla dorosłych/ </v>
      </c>
      <c r="W42" s="127" t="str">
        <f>SUBSTITUTE(Categorization!W42,"x",'Categorization (2)'!W$4)</f>
        <v/>
      </c>
      <c r="X42" s="127" t="str">
        <f>SUBSTITUTE(Categorization!X42,"x",'Categorization (2)'!X$4)</f>
        <v/>
      </c>
      <c r="Y42" s="127" t="str">
        <f>SUBSTITUTE(Categorization!Y42,"x",'Categorization (2)'!Y$4)</f>
        <v/>
      </c>
      <c r="Z42" s="127" t="str">
        <f>SUBSTITUTE(Categorization!Z42,"x",'Categorization (2)'!Z$4)</f>
        <v/>
      </c>
      <c r="AA42" s="124" t="str">
        <f>SUBSTITUTE(Categorization!AA42,"x",'Categorization (2)'!AA$4)</f>
        <v/>
      </c>
      <c r="AB42" s="124" t="str">
        <f>SUBSTITUTE(Categorization!AB42,"x",'Categorization (2)'!AB$4)</f>
        <v/>
      </c>
      <c r="AC42" s="124" t="str">
        <f>SUBSTITUTE(Categorization!AC42,"x",'Categorization (2)'!AC$4)</f>
        <v/>
      </c>
      <c r="AD42" s="124" t="str">
        <f>SUBSTITUTE(Categorization!AD42,"x",'Categorization (2)'!AD$4)</f>
        <v/>
      </c>
      <c r="AE42" s="124" t="str">
        <f>SUBSTITUTE(Categorization!AE42,"x",'Categorization (2)'!AE$4)</f>
        <v/>
      </c>
      <c r="AF42" s="108" t="str">
        <f>SUBSTITUTE(Categorization!AF42,"x",'Categorization (2)'!AF$4)</f>
        <v/>
      </c>
      <c r="AG42" s="108" t="str">
        <f>SUBSTITUTE(Categorization!AG42,"x",'Categorization (2)'!AG$4)</f>
        <v xml:space="preserve">Drogi moczowe/ nietrzymanie moczu/ Pieluchomajtki/ </v>
      </c>
      <c r="AH42" s="108" t="str">
        <f>SUBSTITUTE(Categorization!AH42,"x",'Categorization (2)'!AH$4)</f>
        <v xml:space="preserve">Drogi moczowe/ nietrzymanie moczu/ Pieluchy dla dorosłych/ </v>
      </c>
      <c r="AI42" s="108" t="str">
        <f>SUBSTITUTE(Categorization!AI42,"x",'Categorization (2)'!AI$4)</f>
        <v/>
      </c>
      <c r="AJ42" s="108" t="str">
        <f>SUBSTITUTE(Categorization!AJ42,"x",'Categorization (2)'!AJ$4)</f>
        <v/>
      </c>
      <c r="AK42" s="116" t="str">
        <f>SUBSTITUTE(Categorization!AK42,"x",'Categorization (2)'!AK$4)</f>
        <v/>
      </c>
      <c r="AL42" s="129" t="str">
        <f>SUBSTITUTE(Categorization!AL42,"x",'Categorization (2)'!AL$4)</f>
        <v/>
      </c>
      <c r="AM42" s="129" t="str">
        <f>SUBSTITUTE(Categorization!AM42,"x",'Categorization (2)'!AM$4)</f>
        <v/>
      </c>
      <c r="AN42" s="131" t="str">
        <f>SUBSTITUTE(Categorization!AN42,"x",'Categorization (2)'!AN$4)</f>
        <v/>
      </c>
      <c r="AO42" s="131" t="str">
        <f>SUBSTITUTE(Categorization!AO42,"x",'Categorization (2)'!AO$4)</f>
        <v xml:space="preserve">Sklep rehabilitacyjny/ Higiena i pielęgnacja chorych/ </v>
      </c>
      <c r="AP42" s="131" t="str">
        <f>SUBSTITUTE(Categorization!AP42,"x",'Categorization (2)'!AP$4)</f>
        <v xml:space="preserve">Sklep rehabilitacyjny/ Dla pacjenta leżącego/ </v>
      </c>
      <c r="AQ42" s="131" t="str">
        <f>SUBSTITUTE(Categorization!AQ42,"x",'Categorization (2)'!AQ$4)</f>
        <v/>
      </c>
      <c r="AR42" s="131" t="str">
        <f>SUBSTITUTE(Categorization!AR42,"x",'Categorization (2)'!AR$4)</f>
        <v xml:space="preserve">Sklep rehabilitacyjny/ Artykuły medyczne i rehabilitacyjne/ </v>
      </c>
      <c r="AS42" s="131" t="str">
        <f>SUBSTITUTE(Categorization!AS42,"x",'Categorization (2)'!AS$4)</f>
        <v xml:space="preserve">Sklep rehabilitacyjny/ Akcesoria dla osób starszych i niepełnosprawnych/ </v>
      </c>
      <c r="AT42" s="131" t="str">
        <f>SUBSTITUTE(Categorization!AT42,"x",'Categorization (2)'!AT$4)</f>
        <v/>
      </c>
      <c r="AU42" s="103"/>
      <c r="AV42" s="97"/>
    </row>
    <row r="43" spans="1:48" s="2" customFormat="1" ht="13.5" customHeight="1">
      <c r="A43" s="9"/>
      <c r="B43" s="9" t="s">
        <v>267</v>
      </c>
      <c r="C43" s="5">
        <v>39</v>
      </c>
      <c r="D43" s="11">
        <v>30</v>
      </c>
      <c r="E43" s="7">
        <v>723130</v>
      </c>
      <c r="F43" s="6" t="s">
        <v>25</v>
      </c>
      <c r="G43" s="23"/>
      <c r="H43" s="112" t="str">
        <f>SUBSTITUTE(Categorization!H43,"x",'Categorization (2)'!H$4)</f>
        <v/>
      </c>
      <c r="I43" s="112" t="str">
        <f>SUBSTITUTE(Categorization!I43,"x",'Categorization (2)'!I$4)</f>
        <v/>
      </c>
      <c r="J43" s="112" t="str">
        <f>SUBSTITUTE(Categorization!J43,"x",'Categorization (2)'!J$4)</f>
        <v/>
      </c>
      <c r="K43" s="112" t="str">
        <f>SUBSTITUTE(Categorization!K43,"x",'Categorization (2)'!K$4)</f>
        <v/>
      </c>
      <c r="L43" s="112" t="str">
        <f>SUBSTITUTE(Categorization!L43,"x",'Categorization (2)'!L$4)</f>
        <v/>
      </c>
      <c r="M43" s="112" t="str">
        <f>SUBSTITUTE(Categorization!M43,"x",'Categorization (2)'!M$4)</f>
        <v/>
      </c>
      <c r="N43" s="112" t="str">
        <f>SUBSTITUTE(Categorization!N43,"x",'Categorization (2)'!N$4)</f>
        <v/>
      </c>
      <c r="O43" s="112" t="str">
        <f>SUBSTITUTE(Categorization!O43,"x",'Categorization (2)'!O$4)</f>
        <v/>
      </c>
      <c r="P43" s="116" t="str">
        <f>SUBSTITUTE(Categorization!P43,"x",'Categorization (2)'!P$4)</f>
        <v/>
      </c>
      <c r="Q43" s="116" t="str">
        <f>SUBSTITUTE(Categorization!Q43,"x",'Categorization (2)'!Q$4)</f>
        <v/>
      </c>
      <c r="R43" s="120" t="str">
        <f>SUBSTITUTE(Categorization!R43,"x",'Categorization (2)'!R$4)</f>
        <v/>
      </c>
      <c r="S43" s="120" t="str">
        <f>SUBSTITUTE(Categorization!S43,"x",'Categorization (2)'!S$4)</f>
        <v/>
      </c>
      <c r="T43" s="120" t="str">
        <f>SUBSTITUTE(Categorization!T43,"x",'Categorization (2)'!T$4)</f>
        <v/>
      </c>
      <c r="U43" s="120" t="str">
        <f>SUBSTITUTE(Categorization!U43,"x",'Categorization (2)'!U$4)</f>
        <v/>
      </c>
      <c r="V43" s="127" t="str">
        <f>SUBSTITUTE(Categorization!V43,"x",'Categorization (2)'!V$4)</f>
        <v xml:space="preserve">Środki opatrunkowe i higeniczne/ Pieluchy dla dorosłych/ </v>
      </c>
      <c r="W43" s="127" t="str">
        <f>SUBSTITUTE(Categorization!W43,"x",'Categorization (2)'!W$4)</f>
        <v/>
      </c>
      <c r="X43" s="127" t="str">
        <f>SUBSTITUTE(Categorization!X43,"x",'Categorization (2)'!X$4)</f>
        <v/>
      </c>
      <c r="Y43" s="127" t="str">
        <f>SUBSTITUTE(Categorization!Y43,"x",'Categorization (2)'!Y$4)</f>
        <v/>
      </c>
      <c r="Z43" s="127" t="str">
        <f>SUBSTITUTE(Categorization!Z43,"x",'Categorization (2)'!Z$4)</f>
        <v/>
      </c>
      <c r="AA43" s="124" t="str">
        <f>SUBSTITUTE(Categorization!AA43,"x",'Categorization (2)'!AA$4)</f>
        <v/>
      </c>
      <c r="AB43" s="124" t="str">
        <f>SUBSTITUTE(Categorization!AB43,"x",'Categorization (2)'!AB$4)</f>
        <v/>
      </c>
      <c r="AC43" s="124" t="str">
        <f>SUBSTITUTE(Categorization!AC43,"x",'Categorization (2)'!AC$4)</f>
        <v/>
      </c>
      <c r="AD43" s="124" t="str">
        <f>SUBSTITUTE(Categorization!AD43,"x",'Categorization (2)'!AD$4)</f>
        <v/>
      </c>
      <c r="AE43" s="124" t="str">
        <f>SUBSTITUTE(Categorization!AE43,"x",'Categorization (2)'!AE$4)</f>
        <v/>
      </c>
      <c r="AF43" s="108" t="str">
        <f>SUBSTITUTE(Categorization!AF43,"x",'Categorization (2)'!AF$4)</f>
        <v/>
      </c>
      <c r="AG43" s="108" t="str">
        <f>SUBSTITUTE(Categorization!AG43,"x",'Categorization (2)'!AG$4)</f>
        <v xml:space="preserve">Drogi moczowe/ nietrzymanie moczu/ Pieluchomajtki/ </v>
      </c>
      <c r="AH43" s="108" t="str">
        <f>SUBSTITUTE(Categorization!AH43,"x",'Categorization (2)'!AH$4)</f>
        <v xml:space="preserve">Drogi moczowe/ nietrzymanie moczu/ Pieluchy dla dorosłych/ </v>
      </c>
      <c r="AI43" s="108" t="str">
        <f>SUBSTITUTE(Categorization!AI43,"x",'Categorization (2)'!AI$4)</f>
        <v/>
      </c>
      <c r="AJ43" s="108" t="str">
        <f>SUBSTITUTE(Categorization!AJ43,"x",'Categorization (2)'!AJ$4)</f>
        <v/>
      </c>
      <c r="AK43" s="116" t="str">
        <f>SUBSTITUTE(Categorization!AK43,"x",'Categorization (2)'!AK$4)</f>
        <v/>
      </c>
      <c r="AL43" s="129" t="str">
        <f>SUBSTITUTE(Categorization!AL43,"x",'Categorization (2)'!AL$4)</f>
        <v/>
      </c>
      <c r="AM43" s="129" t="str">
        <f>SUBSTITUTE(Categorization!AM43,"x",'Categorization (2)'!AM$4)</f>
        <v/>
      </c>
      <c r="AN43" s="131" t="str">
        <f>SUBSTITUTE(Categorization!AN43,"x",'Categorization (2)'!AN$4)</f>
        <v/>
      </c>
      <c r="AO43" s="131" t="str">
        <f>SUBSTITUTE(Categorization!AO43,"x",'Categorization (2)'!AO$4)</f>
        <v xml:space="preserve">Sklep rehabilitacyjny/ Higiena i pielęgnacja chorych/ </v>
      </c>
      <c r="AP43" s="131" t="str">
        <f>SUBSTITUTE(Categorization!AP43,"x",'Categorization (2)'!AP$4)</f>
        <v xml:space="preserve">Sklep rehabilitacyjny/ Dla pacjenta leżącego/ </v>
      </c>
      <c r="AQ43" s="131" t="str">
        <f>SUBSTITUTE(Categorization!AQ43,"x",'Categorization (2)'!AQ$4)</f>
        <v/>
      </c>
      <c r="AR43" s="131" t="str">
        <f>SUBSTITUTE(Categorization!AR43,"x",'Categorization (2)'!AR$4)</f>
        <v xml:space="preserve">Sklep rehabilitacyjny/ Artykuły medyczne i rehabilitacyjne/ </v>
      </c>
      <c r="AS43" s="131" t="str">
        <f>SUBSTITUTE(Categorization!AS43,"x",'Categorization (2)'!AS$4)</f>
        <v xml:space="preserve">Sklep rehabilitacyjny/ Akcesoria dla osób starszych i niepełnosprawnych/ </v>
      </c>
      <c r="AT43" s="131" t="str">
        <f>SUBSTITUTE(Categorization!AT43,"x",'Categorization (2)'!AT$4)</f>
        <v/>
      </c>
      <c r="AU43" s="103"/>
      <c r="AV43" s="97"/>
    </row>
    <row r="44" spans="1:48" s="2" customFormat="1" ht="13.5" customHeight="1">
      <c r="A44" s="9"/>
      <c r="B44" s="9" t="s">
        <v>267</v>
      </c>
      <c r="C44" s="5">
        <v>40</v>
      </c>
      <c r="D44" s="11">
        <v>30</v>
      </c>
      <c r="E44" s="7">
        <v>723230</v>
      </c>
      <c r="F44" s="6" t="s">
        <v>26</v>
      </c>
      <c r="G44" s="23"/>
      <c r="H44" s="112" t="str">
        <f>SUBSTITUTE(Categorization!H44,"x",'Categorization (2)'!H$4)</f>
        <v/>
      </c>
      <c r="I44" s="112" t="str">
        <f>SUBSTITUTE(Categorization!I44,"x",'Categorization (2)'!I$4)</f>
        <v/>
      </c>
      <c r="J44" s="112" t="str">
        <f>SUBSTITUTE(Categorization!J44,"x",'Categorization (2)'!J$4)</f>
        <v/>
      </c>
      <c r="K44" s="112" t="str">
        <f>SUBSTITUTE(Categorization!K44,"x",'Categorization (2)'!K$4)</f>
        <v/>
      </c>
      <c r="L44" s="112" t="str">
        <f>SUBSTITUTE(Categorization!L44,"x",'Categorization (2)'!L$4)</f>
        <v/>
      </c>
      <c r="M44" s="112" t="str">
        <f>SUBSTITUTE(Categorization!M44,"x",'Categorization (2)'!M$4)</f>
        <v/>
      </c>
      <c r="N44" s="112" t="str">
        <f>SUBSTITUTE(Categorization!N44,"x",'Categorization (2)'!N$4)</f>
        <v/>
      </c>
      <c r="O44" s="112" t="str">
        <f>SUBSTITUTE(Categorization!O44,"x",'Categorization (2)'!O$4)</f>
        <v/>
      </c>
      <c r="P44" s="116" t="str">
        <f>SUBSTITUTE(Categorization!P44,"x",'Categorization (2)'!P$4)</f>
        <v/>
      </c>
      <c r="Q44" s="116" t="str">
        <f>SUBSTITUTE(Categorization!Q44,"x",'Categorization (2)'!Q$4)</f>
        <v/>
      </c>
      <c r="R44" s="120" t="str">
        <f>SUBSTITUTE(Categorization!R44,"x",'Categorization (2)'!R$4)</f>
        <v/>
      </c>
      <c r="S44" s="120" t="str">
        <f>SUBSTITUTE(Categorization!S44,"x",'Categorization (2)'!S$4)</f>
        <v/>
      </c>
      <c r="T44" s="120" t="str">
        <f>SUBSTITUTE(Categorization!T44,"x",'Categorization (2)'!T$4)</f>
        <v/>
      </c>
      <c r="U44" s="120" t="str">
        <f>SUBSTITUTE(Categorization!U44,"x",'Categorization (2)'!U$4)</f>
        <v/>
      </c>
      <c r="V44" s="127" t="str">
        <f>SUBSTITUTE(Categorization!V44,"x",'Categorization (2)'!V$4)</f>
        <v xml:space="preserve">Środki opatrunkowe i higeniczne/ Pieluchy dla dorosłych/ </v>
      </c>
      <c r="W44" s="127" t="str">
        <f>SUBSTITUTE(Categorization!W44,"x",'Categorization (2)'!W$4)</f>
        <v/>
      </c>
      <c r="X44" s="127" t="str">
        <f>SUBSTITUTE(Categorization!X44,"x",'Categorization (2)'!X$4)</f>
        <v/>
      </c>
      <c r="Y44" s="127" t="str">
        <f>SUBSTITUTE(Categorization!Y44,"x",'Categorization (2)'!Y$4)</f>
        <v/>
      </c>
      <c r="Z44" s="127" t="str">
        <f>SUBSTITUTE(Categorization!Z44,"x",'Categorization (2)'!Z$4)</f>
        <v/>
      </c>
      <c r="AA44" s="124" t="str">
        <f>SUBSTITUTE(Categorization!AA44,"x",'Categorization (2)'!AA$4)</f>
        <v/>
      </c>
      <c r="AB44" s="124" t="str">
        <f>SUBSTITUTE(Categorization!AB44,"x",'Categorization (2)'!AB$4)</f>
        <v/>
      </c>
      <c r="AC44" s="124" t="str">
        <f>SUBSTITUTE(Categorization!AC44,"x",'Categorization (2)'!AC$4)</f>
        <v/>
      </c>
      <c r="AD44" s="124" t="str">
        <f>SUBSTITUTE(Categorization!AD44,"x",'Categorization (2)'!AD$4)</f>
        <v/>
      </c>
      <c r="AE44" s="124" t="str">
        <f>SUBSTITUTE(Categorization!AE44,"x",'Categorization (2)'!AE$4)</f>
        <v/>
      </c>
      <c r="AF44" s="108" t="str">
        <f>SUBSTITUTE(Categorization!AF44,"x",'Categorization (2)'!AF$4)</f>
        <v/>
      </c>
      <c r="AG44" s="108" t="str">
        <f>SUBSTITUTE(Categorization!AG44,"x",'Categorization (2)'!AG$4)</f>
        <v xml:space="preserve">Drogi moczowe/ nietrzymanie moczu/ Pieluchomajtki/ </v>
      </c>
      <c r="AH44" s="108" t="str">
        <f>SUBSTITUTE(Categorization!AH44,"x",'Categorization (2)'!AH$4)</f>
        <v xml:space="preserve">Drogi moczowe/ nietrzymanie moczu/ Pieluchy dla dorosłych/ </v>
      </c>
      <c r="AI44" s="108" t="str">
        <f>SUBSTITUTE(Categorization!AI44,"x",'Categorization (2)'!AI$4)</f>
        <v/>
      </c>
      <c r="AJ44" s="108" t="str">
        <f>SUBSTITUTE(Categorization!AJ44,"x",'Categorization (2)'!AJ$4)</f>
        <v/>
      </c>
      <c r="AK44" s="116" t="str">
        <f>SUBSTITUTE(Categorization!AK44,"x",'Categorization (2)'!AK$4)</f>
        <v/>
      </c>
      <c r="AL44" s="129" t="str">
        <f>SUBSTITUTE(Categorization!AL44,"x",'Categorization (2)'!AL$4)</f>
        <v/>
      </c>
      <c r="AM44" s="129" t="str">
        <f>SUBSTITUTE(Categorization!AM44,"x",'Categorization (2)'!AM$4)</f>
        <v/>
      </c>
      <c r="AN44" s="131" t="str">
        <f>SUBSTITUTE(Categorization!AN44,"x",'Categorization (2)'!AN$4)</f>
        <v/>
      </c>
      <c r="AO44" s="131" t="str">
        <f>SUBSTITUTE(Categorization!AO44,"x",'Categorization (2)'!AO$4)</f>
        <v xml:space="preserve">Sklep rehabilitacyjny/ Higiena i pielęgnacja chorych/ </v>
      </c>
      <c r="AP44" s="131" t="str">
        <f>SUBSTITUTE(Categorization!AP44,"x",'Categorization (2)'!AP$4)</f>
        <v xml:space="preserve">Sklep rehabilitacyjny/ Dla pacjenta leżącego/ </v>
      </c>
      <c r="AQ44" s="131" t="str">
        <f>SUBSTITUTE(Categorization!AQ44,"x",'Categorization (2)'!AQ$4)</f>
        <v/>
      </c>
      <c r="AR44" s="131" t="str">
        <f>SUBSTITUTE(Categorization!AR44,"x",'Categorization (2)'!AR$4)</f>
        <v xml:space="preserve">Sklep rehabilitacyjny/ Artykuły medyczne i rehabilitacyjne/ </v>
      </c>
      <c r="AS44" s="131" t="str">
        <f>SUBSTITUTE(Categorization!AS44,"x",'Categorization (2)'!AS$4)</f>
        <v xml:space="preserve">Sklep rehabilitacyjny/ Akcesoria dla osób starszych i niepełnosprawnych/ </v>
      </c>
      <c r="AT44" s="131" t="str">
        <f>SUBSTITUTE(Categorization!AT44,"x",'Categorization (2)'!AT$4)</f>
        <v/>
      </c>
      <c r="AU44" s="103"/>
      <c r="AV44" s="97"/>
    </row>
    <row r="45" spans="1:48" s="2" customFormat="1" ht="13.5" customHeight="1">
      <c r="A45" s="9"/>
      <c r="B45" s="9" t="s">
        <v>267</v>
      </c>
      <c r="C45" s="5">
        <v>41</v>
      </c>
      <c r="D45" s="11">
        <v>30</v>
      </c>
      <c r="E45" s="7">
        <v>723330</v>
      </c>
      <c r="F45" s="6" t="s">
        <v>27</v>
      </c>
      <c r="G45" s="23"/>
      <c r="H45" s="112" t="str">
        <f>SUBSTITUTE(Categorization!H45,"x",'Categorization (2)'!H$4)</f>
        <v/>
      </c>
      <c r="I45" s="112" t="str">
        <f>SUBSTITUTE(Categorization!I45,"x",'Categorization (2)'!I$4)</f>
        <v/>
      </c>
      <c r="J45" s="112" t="str">
        <f>SUBSTITUTE(Categorization!J45,"x",'Categorization (2)'!J$4)</f>
        <v/>
      </c>
      <c r="K45" s="112" t="str">
        <f>SUBSTITUTE(Categorization!K45,"x",'Categorization (2)'!K$4)</f>
        <v/>
      </c>
      <c r="L45" s="112" t="str">
        <f>SUBSTITUTE(Categorization!L45,"x",'Categorization (2)'!L$4)</f>
        <v/>
      </c>
      <c r="M45" s="112" t="str">
        <f>SUBSTITUTE(Categorization!M45,"x",'Categorization (2)'!M$4)</f>
        <v/>
      </c>
      <c r="N45" s="112" t="str">
        <f>SUBSTITUTE(Categorization!N45,"x",'Categorization (2)'!N$4)</f>
        <v/>
      </c>
      <c r="O45" s="112" t="str">
        <f>SUBSTITUTE(Categorization!O45,"x",'Categorization (2)'!O$4)</f>
        <v/>
      </c>
      <c r="P45" s="116" t="str">
        <f>SUBSTITUTE(Categorization!P45,"x",'Categorization (2)'!P$4)</f>
        <v/>
      </c>
      <c r="Q45" s="116" t="str">
        <f>SUBSTITUTE(Categorization!Q45,"x",'Categorization (2)'!Q$4)</f>
        <v/>
      </c>
      <c r="R45" s="120" t="str">
        <f>SUBSTITUTE(Categorization!R45,"x",'Categorization (2)'!R$4)</f>
        <v/>
      </c>
      <c r="S45" s="120" t="str">
        <f>SUBSTITUTE(Categorization!S45,"x",'Categorization (2)'!S$4)</f>
        <v/>
      </c>
      <c r="T45" s="120" t="str">
        <f>SUBSTITUTE(Categorization!T45,"x",'Categorization (2)'!T$4)</f>
        <v/>
      </c>
      <c r="U45" s="120" t="str">
        <f>SUBSTITUTE(Categorization!U45,"x",'Categorization (2)'!U$4)</f>
        <v/>
      </c>
      <c r="V45" s="127" t="str">
        <f>SUBSTITUTE(Categorization!V45,"x",'Categorization (2)'!V$4)</f>
        <v xml:space="preserve">Środki opatrunkowe i higeniczne/ Pieluchy dla dorosłych/ </v>
      </c>
      <c r="W45" s="127" t="str">
        <f>SUBSTITUTE(Categorization!W45,"x",'Categorization (2)'!W$4)</f>
        <v/>
      </c>
      <c r="X45" s="127" t="str">
        <f>SUBSTITUTE(Categorization!X45,"x",'Categorization (2)'!X$4)</f>
        <v/>
      </c>
      <c r="Y45" s="127" t="str">
        <f>SUBSTITUTE(Categorization!Y45,"x",'Categorization (2)'!Y$4)</f>
        <v/>
      </c>
      <c r="Z45" s="127" t="str">
        <f>SUBSTITUTE(Categorization!Z45,"x",'Categorization (2)'!Z$4)</f>
        <v/>
      </c>
      <c r="AA45" s="124" t="str">
        <f>SUBSTITUTE(Categorization!AA45,"x",'Categorization (2)'!AA$4)</f>
        <v/>
      </c>
      <c r="AB45" s="124" t="str">
        <f>SUBSTITUTE(Categorization!AB45,"x",'Categorization (2)'!AB$4)</f>
        <v/>
      </c>
      <c r="AC45" s="124" t="str">
        <f>SUBSTITUTE(Categorization!AC45,"x",'Categorization (2)'!AC$4)</f>
        <v/>
      </c>
      <c r="AD45" s="124" t="str">
        <f>SUBSTITUTE(Categorization!AD45,"x",'Categorization (2)'!AD$4)</f>
        <v/>
      </c>
      <c r="AE45" s="124" t="str">
        <f>SUBSTITUTE(Categorization!AE45,"x",'Categorization (2)'!AE$4)</f>
        <v/>
      </c>
      <c r="AF45" s="108" t="str">
        <f>SUBSTITUTE(Categorization!AF45,"x",'Categorization (2)'!AF$4)</f>
        <v/>
      </c>
      <c r="AG45" s="108" t="str">
        <f>SUBSTITUTE(Categorization!AG45,"x",'Categorization (2)'!AG$4)</f>
        <v xml:space="preserve">Drogi moczowe/ nietrzymanie moczu/ Pieluchomajtki/ </v>
      </c>
      <c r="AH45" s="108" t="str">
        <f>SUBSTITUTE(Categorization!AH45,"x",'Categorization (2)'!AH$4)</f>
        <v xml:space="preserve">Drogi moczowe/ nietrzymanie moczu/ Pieluchy dla dorosłych/ </v>
      </c>
      <c r="AI45" s="108" t="str">
        <f>SUBSTITUTE(Categorization!AI45,"x",'Categorization (2)'!AI$4)</f>
        <v/>
      </c>
      <c r="AJ45" s="108" t="str">
        <f>SUBSTITUTE(Categorization!AJ45,"x",'Categorization (2)'!AJ$4)</f>
        <v/>
      </c>
      <c r="AK45" s="116" t="str">
        <f>SUBSTITUTE(Categorization!AK45,"x",'Categorization (2)'!AK$4)</f>
        <v/>
      </c>
      <c r="AL45" s="129" t="str">
        <f>SUBSTITUTE(Categorization!AL45,"x",'Categorization (2)'!AL$4)</f>
        <v/>
      </c>
      <c r="AM45" s="129" t="str">
        <f>SUBSTITUTE(Categorization!AM45,"x",'Categorization (2)'!AM$4)</f>
        <v/>
      </c>
      <c r="AN45" s="131" t="str">
        <f>SUBSTITUTE(Categorization!AN45,"x",'Categorization (2)'!AN$4)</f>
        <v/>
      </c>
      <c r="AO45" s="131" t="str">
        <f>SUBSTITUTE(Categorization!AO45,"x",'Categorization (2)'!AO$4)</f>
        <v xml:space="preserve">Sklep rehabilitacyjny/ Higiena i pielęgnacja chorych/ </v>
      </c>
      <c r="AP45" s="131" t="str">
        <f>SUBSTITUTE(Categorization!AP45,"x",'Categorization (2)'!AP$4)</f>
        <v xml:space="preserve">Sklep rehabilitacyjny/ Dla pacjenta leżącego/ </v>
      </c>
      <c r="AQ45" s="131" t="str">
        <f>SUBSTITUTE(Categorization!AQ45,"x",'Categorization (2)'!AQ$4)</f>
        <v/>
      </c>
      <c r="AR45" s="131" t="str">
        <f>SUBSTITUTE(Categorization!AR45,"x",'Categorization (2)'!AR$4)</f>
        <v xml:space="preserve">Sklep rehabilitacyjny/ Artykuły medyczne i rehabilitacyjne/ </v>
      </c>
      <c r="AS45" s="131" t="str">
        <f>SUBSTITUTE(Categorization!AS45,"x",'Categorization (2)'!AS$4)</f>
        <v xml:space="preserve">Sklep rehabilitacyjny/ Akcesoria dla osób starszych i niepełnosprawnych/ </v>
      </c>
      <c r="AT45" s="131" t="str">
        <f>SUBSTITUTE(Categorization!AT45,"x",'Categorization (2)'!AT$4)</f>
        <v/>
      </c>
      <c r="AU45" s="103"/>
      <c r="AV45" s="97"/>
    </row>
    <row r="46" spans="1:48" s="2" customFormat="1" ht="13.5" customHeight="1">
      <c r="A46" s="9"/>
      <c r="B46" s="9" t="s">
        <v>267</v>
      </c>
      <c r="C46" s="5">
        <v>42</v>
      </c>
      <c r="D46" s="11">
        <v>30</v>
      </c>
      <c r="E46" s="7">
        <v>723430</v>
      </c>
      <c r="F46" s="6" t="s">
        <v>28</v>
      </c>
      <c r="G46" s="23"/>
      <c r="H46" s="112" t="str">
        <f>SUBSTITUTE(Categorization!H46,"x",'Categorization (2)'!H$4)</f>
        <v/>
      </c>
      <c r="I46" s="112" t="str">
        <f>SUBSTITUTE(Categorization!I46,"x",'Categorization (2)'!I$4)</f>
        <v/>
      </c>
      <c r="J46" s="112" t="str">
        <f>SUBSTITUTE(Categorization!J46,"x",'Categorization (2)'!J$4)</f>
        <v/>
      </c>
      <c r="K46" s="112" t="str">
        <f>SUBSTITUTE(Categorization!K46,"x",'Categorization (2)'!K$4)</f>
        <v/>
      </c>
      <c r="L46" s="112" t="str">
        <f>SUBSTITUTE(Categorization!L46,"x",'Categorization (2)'!L$4)</f>
        <v/>
      </c>
      <c r="M46" s="112" t="str">
        <f>SUBSTITUTE(Categorization!M46,"x",'Categorization (2)'!M$4)</f>
        <v/>
      </c>
      <c r="N46" s="112" t="str">
        <f>SUBSTITUTE(Categorization!N46,"x",'Categorization (2)'!N$4)</f>
        <v/>
      </c>
      <c r="O46" s="112" t="str">
        <f>SUBSTITUTE(Categorization!O46,"x",'Categorization (2)'!O$4)</f>
        <v/>
      </c>
      <c r="P46" s="116" t="str">
        <f>SUBSTITUTE(Categorization!P46,"x",'Categorization (2)'!P$4)</f>
        <v/>
      </c>
      <c r="Q46" s="116" t="str">
        <f>SUBSTITUTE(Categorization!Q46,"x",'Categorization (2)'!Q$4)</f>
        <v/>
      </c>
      <c r="R46" s="120" t="str">
        <f>SUBSTITUTE(Categorization!R46,"x",'Categorization (2)'!R$4)</f>
        <v/>
      </c>
      <c r="S46" s="120" t="str">
        <f>SUBSTITUTE(Categorization!S46,"x",'Categorization (2)'!S$4)</f>
        <v/>
      </c>
      <c r="T46" s="120" t="str">
        <f>SUBSTITUTE(Categorization!T46,"x",'Categorization (2)'!T$4)</f>
        <v/>
      </c>
      <c r="U46" s="120" t="str">
        <f>SUBSTITUTE(Categorization!U46,"x",'Categorization (2)'!U$4)</f>
        <v/>
      </c>
      <c r="V46" s="127" t="str">
        <f>SUBSTITUTE(Categorization!V46,"x",'Categorization (2)'!V$4)</f>
        <v xml:space="preserve">Środki opatrunkowe i higeniczne/ Pieluchy dla dorosłych/ </v>
      </c>
      <c r="W46" s="127" t="str">
        <f>SUBSTITUTE(Categorization!W46,"x",'Categorization (2)'!W$4)</f>
        <v/>
      </c>
      <c r="X46" s="127" t="str">
        <f>SUBSTITUTE(Categorization!X46,"x",'Categorization (2)'!X$4)</f>
        <v/>
      </c>
      <c r="Y46" s="127" t="str">
        <f>SUBSTITUTE(Categorization!Y46,"x",'Categorization (2)'!Y$4)</f>
        <v/>
      </c>
      <c r="Z46" s="127" t="str">
        <f>SUBSTITUTE(Categorization!Z46,"x",'Categorization (2)'!Z$4)</f>
        <v/>
      </c>
      <c r="AA46" s="124" t="str">
        <f>SUBSTITUTE(Categorization!AA46,"x",'Categorization (2)'!AA$4)</f>
        <v/>
      </c>
      <c r="AB46" s="124" t="str">
        <f>SUBSTITUTE(Categorization!AB46,"x",'Categorization (2)'!AB$4)</f>
        <v/>
      </c>
      <c r="AC46" s="124" t="str">
        <f>SUBSTITUTE(Categorization!AC46,"x",'Categorization (2)'!AC$4)</f>
        <v/>
      </c>
      <c r="AD46" s="124" t="str">
        <f>SUBSTITUTE(Categorization!AD46,"x",'Categorization (2)'!AD$4)</f>
        <v/>
      </c>
      <c r="AE46" s="124" t="str">
        <f>SUBSTITUTE(Categorization!AE46,"x",'Categorization (2)'!AE$4)</f>
        <v/>
      </c>
      <c r="AF46" s="108" t="str">
        <f>SUBSTITUTE(Categorization!AF46,"x",'Categorization (2)'!AF$4)</f>
        <v/>
      </c>
      <c r="AG46" s="108" t="str">
        <f>SUBSTITUTE(Categorization!AG46,"x",'Categorization (2)'!AG$4)</f>
        <v xml:space="preserve">Drogi moczowe/ nietrzymanie moczu/ Pieluchomajtki/ </v>
      </c>
      <c r="AH46" s="108" t="str">
        <f>SUBSTITUTE(Categorization!AH46,"x",'Categorization (2)'!AH$4)</f>
        <v xml:space="preserve">Drogi moczowe/ nietrzymanie moczu/ Pieluchy dla dorosłych/ </v>
      </c>
      <c r="AI46" s="108" t="str">
        <f>SUBSTITUTE(Categorization!AI46,"x",'Categorization (2)'!AI$4)</f>
        <v/>
      </c>
      <c r="AJ46" s="108" t="str">
        <f>SUBSTITUTE(Categorization!AJ46,"x",'Categorization (2)'!AJ$4)</f>
        <v/>
      </c>
      <c r="AK46" s="116" t="str">
        <f>SUBSTITUTE(Categorization!AK46,"x",'Categorization (2)'!AK$4)</f>
        <v/>
      </c>
      <c r="AL46" s="129" t="str">
        <f>SUBSTITUTE(Categorization!AL46,"x",'Categorization (2)'!AL$4)</f>
        <v/>
      </c>
      <c r="AM46" s="129" t="str">
        <f>SUBSTITUTE(Categorization!AM46,"x",'Categorization (2)'!AM$4)</f>
        <v/>
      </c>
      <c r="AN46" s="131" t="str">
        <f>SUBSTITUTE(Categorization!AN46,"x",'Categorization (2)'!AN$4)</f>
        <v/>
      </c>
      <c r="AO46" s="131" t="str">
        <f>SUBSTITUTE(Categorization!AO46,"x",'Categorization (2)'!AO$4)</f>
        <v xml:space="preserve">Sklep rehabilitacyjny/ Higiena i pielęgnacja chorych/ </v>
      </c>
      <c r="AP46" s="131" t="str">
        <f>SUBSTITUTE(Categorization!AP46,"x",'Categorization (2)'!AP$4)</f>
        <v xml:space="preserve">Sklep rehabilitacyjny/ Dla pacjenta leżącego/ </v>
      </c>
      <c r="AQ46" s="131" t="str">
        <f>SUBSTITUTE(Categorization!AQ46,"x",'Categorization (2)'!AQ$4)</f>
        <v/>
      </c>
      <c r="AR46" s="131" t="str">
        <f>SUBSTITUTE(Categorization!AR46,"x",'Categorization (2)'!AR$4)</f>
        <v xml:space="preserve">Sklep rehabilitacyjny/ Artykuły medyczne i rehabilitacyjne/ </v>
      </c>
      <c r="AS46" s="131" t="str">
        <f>SUBSTITUTE(Categorization!AS46,"x",'Categorization (2)'!AS$4)</f>
        <v xml:space="preserve">Sklep rehabilitacyjny/ Akcesoria dla osób starszych i niepełnosprawnych/ </v>
      </c>
      <c r="AT46" s="131" t="str">
        <f>SUBSTITUTE(Categorization!AT46,"x",'Categorization (2)'!AT$4)</f>
        <v/>
      </c>
      <c r="AU46" s="103"/>
      <c r="AV46" s="97"/>
    </row>
    <row r="47" spans="1:48" s="2" customFormat="1" ht="13.5" customHeight="1">
      <c r="A47" s="9"/>
      <c r="B47" s="9" t="s">
        <v>23</v>
      </c>
      <c r="C47" s="5">
        <v>43</v>
      </c>
      <c r="D47" s="7">
        <v>30</v>
      </c>
      <c r="E47" s="7">
        <v>711130</v>
      </c>
      <c r="F47" s="6" t="s">
        <v>25</v>
      </c>
      <c r="G47" s="23"/>
      <c r="H47" s="112" t="str">
        <f>SUBSTITUTE(Categorization!H47,"x",'Categorization (2)'!H$4)</f>
        <v/>
      </c>
      <c r="I47" s="112" t="str">
        <f>SUBSTITUTE(Categorization!I47,"x",'Categorization (2)'!I$4)</f>
        <v/>
      </c>
      <c r="J47" s="112" t="str">
        <f>SUBSTITUTE(Categorization!J47,"x",'Categorization (2)'!J$4)</f>
        <v/>
      </c>
      <c r="K47" s="112" t="str">
        <f>SUBSTITUTE(Categorization!K47,"x",'Categorization (2)'!K$4)</f>
        <v/>
      </c>
      <c r="L47" s="112" t="str">
        <f>SUBSTITUTE(Categorization!L47,"x",'Categorization (2)'!L$4)</f>
        <v/>
      </c>
      <c r="M47" s="112" t="str">
        <f>SUBSTITUTE(Categorization!M47,"x",'Categorization (2)'!M$4)</f>
        <v/>
      </c>
      <c r="N47" s="112" t="str">
        <f>SUBSTITUTE(Categorization!N47,"x",'Categorization (2)'!N$4)</f>
        <v/>
      </c>
      <c r="O47" s="112" t="str">
        <f>SUBSTITUTE(Categorization!O47,"x",'Categorization (2)'!O$4)</f>
        <v/>
      </c>
      <c r="P47" s="116" t="str">
        <f>SUBSTITUTE(Categorization!P47,"x",'Categorization (2)'!P$4)</f>
        <v/>
      </c>
      <c r="Q47" s="116" t="str">
        <f>SUBSTITUTE(Categorization!Q47,"x",'Categorization (2)'!Q$4)</f>
        <v/>
      </c>
      <c r="R47" s="120" t="str">
        <f>SUBSTITUTE(Categorization!R47,"x",'Categorization (2)'!R$4)</f>
        <v/>
      </c>
      <c r="S47" s="120" t="str">
        <f>SUBSTITUTE(Categorization!S47,"x",'Categorization (2)'!S$4)</f>
        <v/>
      </c>
      <c r="T47" s="120" t="str">
        <f>SUBSTITUTE(Categorization!T47,"x",'Categorization (2)'!T$4)</f>
        <v/>
      </c>
      <c r="U47" s="120" t="str">
        <f>SUBSTITUTE(Categorization!U47,"x",'Categorization (2)'!U$4)</f>
        <v/>
      </c>
      <c r="V47" s="127" t="str">
        <f>SUBSTITUTE(Categorization!V47,"x",'Categorization (2)'!V$4)</f>
        <v xml:space="preserve">Środki opatrunkowe i higeniczne/ Pieluchy dla dorosłych/ </v>
      </c>
      <c r="W47" s="127" t="str">
        <f>SUBSTITUTE(Categorization!W47,"x",'Categorization (2)'!W$4)</f>
        <v/>
      </c>
      <c r="X47" s="127" t="str">
        <f>SUBSTITUTE(Categorization!X47,"x",'Categorization (2)'!X$4)</f>
        <v/>
      </c>
      <c r="Y47" s="127" t="str">
        <f>SUBSTITUTE(Categorization!Y47,"x",'Categorization (2)'!Y$4)</f>
        <v/>
      </c>
      <c r="Z47" s="127" t="str">
        <f>SUBSTITUTE(Categorization!Z47,"x",'Categorization (2)'!Z$4)</f>
        <v/>
      </c>
      <c r="AA47" s="124" t="str">
        <f>SUBSTITUTE(Categorization!AA47,"x",'Categorization (2)'!AA$4)</f>
        <v/>
      </c>
      <c r="AB47" s="124" t="str">
        <f>SUBSTITUTE(Categorization!AB47,"x",'Categorization (2)'!AB$4)</f>
        <v/>
      </c>
      <c r="AC47" s="124" t="str">
        <f>SUBSTITUTE(Categorization!AC47,"x",'Categorization (2)'!AC$4)</f>
        <v/>
      </c>
      <c r="AD47" s="124" t="str">
        <f>SUBSTITUTE(Categorization!AD47,"x",'Categorization (2)'!AD$4)</f>
        <v/>
      </c>
      <c r="AE47" s="124" t="str">
        <f>SUBSTITUTE(Categorization!AE47,"x",'Categorization (2)'!AE$4)</f>
        <v/>
      </c>
      <c r="AF47" s="108" t="str">
        <f>SUBSTITUTE(Categorization!AF47,"x",'Categorization (2)'!AF$4)</f>
        <v/>
      </c>
      <c r="AG47" s="108" t="str">
        <f>SUBSTITUTE(Categorization!AG47,"x",'Categorization (2)'!AG$4)</f>
        <v xml:space="preserve">Drogi moczowe/ nietrzymanie moczu/ Pieluchomajtki/ </v>
      </c>
      <c r="AH47" s="108" t="str">
        <f>SUBSTITUTE(Categorization!AH47,"x",'Categorization (2)'!AH$4)</f>
        <v xml:space="preserve">Drogi moczowe/ nietrzymanie moczu/ Pieluchy dla dorosłych/ </v>
      </c>
      <c r="AI47" s="108" t="str">
        <f>SUBSTITUTE(Categorization!AI47,"x",'Categorization (2)'!AI$4)</f>
        <v/>
      </c>
      <c r="AJ47" s="108" t="str">
        <f>SUBSTITUTE(Categorization!AJ47,"x",'Categorization (2)'!AJ$4)</f>
        <v/>
      </c>
      <c r="AK47" s="116" t="str">
        <f>SUBSTITUTE(Categorization!AK47,"x",'Categorization (2)'!AK$4)</f>
        <v/>
      </c>
      <c r="AL47" s="129" t="str">
        <f>SUBSTITUTE(Categorization!AL47,"x",'Categorization (2)'!AL$4)</f>
        <v/>
      </c>
      <c r="AM47" s="129" t="str">
        <f>SUBSTITUTE(Categorization!AM47,"x",'Categorization (2)'!AM$4)</f>
        <v/>
      </c>
      <c r="AN47" s="131" t="str">
        <f>SUBSTITUTE(Categorization!AN47,"x",'Categorization (2)'!AN$4)</f>
        <v/>
      </c>
      <c r="AO47" s="131" t="str">
        <f>SUBSTITUTE(Categorization!AO47,"x",'Categorization (2)'!AO$4)</f>
        <v xml:space="preserve">Sklep rehabilitacyjny/ Higiena i pielęgnacja chorych/ </v>
      </c>
      <c r="AP47" s="131" t="str">
        <f>SUBSTITUTE(Categorization!AP47,"x",'Categorization (2)'!AP$4)</f>
        <v xml:space="preserve">Sklep rehabilitacyjny/ Dla pacjenta leżącego/ </v>
      </c>
      <c r="AQ47" s="131" t="str">
        <f>SUBSTITUTE(Categorization!AQ47,"x",'Categorization (2)'!AQ$4)</f>
        <v/>
      </c>
      <c r="AR47" s="131" t="str">
        <f>SUBSTITUTE(Categorization!AR47,"x",'Categorization (2)'!AR$4)</f>
        <v xml:space="preserve">Sklep rehabilitacyjny/ Artykuły medyczne i rehabilitacyjne/ </v>
      </c>
      <c r="AS47" s="131" t="str">
        <f>SUBSTITUTE(Categorization!AS47,"x",'Categorization (2)'!AS$4)</f>
        <v xml:space="preserve">Sklep rehabilitacyjny/ Akcesoria dla osób starszych i niepełnosprawnych/ </v>
      </c>
      <c r="AT47" s="131" t="str">
        <f>SUBSTITUTE(Categorization!AT47,"x",'Categorization (2)'!AT$4)</f>
        <v/>
      </c>
      <c r="AU47" s="103"/>
      <c r="AV47" s="97"/>
    </row>
    <row r="48" spans="1:48" s="2" customFormat="1" ht="13.5" customHeight="1">
      <c r="A48" s="9"/>
      <c r="B48" s="9" t="s">
        <v>23</v>
      </c>
      <c r="C48" s="5">
        <v>44</v>
      </c>
      <c r="D48" s="11">
        <v>10</v>
      </c>
      <c r="E48" s="11">
        <v>711210</v>
      </c>
      <c r="F48" s="6" t="s">
        <v>26</v>
      </c>
      <c r="G48" s="23"/>
      <c r="H48" s="112" t="str">
        <f>SUBSTITUTE(Categorization!H48,"x",'Categorization (2)'!H$4)</f>
        <v/>
      </c>
      <c r="I48" s="112" t="str">
        <f>SUBSTITUTE(Categorization!I48,"x",'Categorization (2)'!I$4)</f>
        <v/>
      </c>
      <c r="J48" s="112" t="str">
        <f>SUBSTITUTE(Categorization!J48,"x",'Categorization (2)'!J$4)</f>
        <v/>
      </c>
      <c r="K48" s="112" t="str">
        <f>SUBSTITUTE(Categorization!K48,"x",'Categorization (2)'!K$4)</f>
        <v/>
      </c>
      <c r="L48" s="112" t="str">
        <f>SUBSTITUTE(Categorization!L48,"x",'Categorization (2)'!L$4)</f>
        <v/>
      </c>
      <c r="M48" s="112" t="str">
        <f>SUBSTITUTE(Categorization!M48,"x",'Categorization (2)'!M$4)</f>
        <v/>
      </c>
      <c r="N48" s="112" t="str">
        <f>SUBSTITUTE(Categorization!N48,"x",'Categorization (2)'!N$4)</f>
        <v/>
      </c>
      <c r="O48" s="112" t="str">
        <f>SUBSTITUTE(Categorization!O48,"x",'Categorization (2)'!O$4)</f>
        <v/>
      </c>
      <c r="P48" s="116" t="str">
        <f>SUBSTITUTE(Categorization!P48,"x",'Categorization (2)'!P$4)</f>
        <v/>
      </c>
      <c r="Q48" s="116" t="str">
        <f>SUBSTITUTE(Categorization!Q48,"x",'Categorization (2)'!Q$4)</f>
        <v/>
      </c>
      <c r="R48" s="120" t="str">
        <f>SUBSTITUTE(Categorization!R48,"x",'Categorization (2)'!R$4)</f>
        <v/>
      </c>
      <c r="S48" s="120" t="str">
        <f>SUBSTITUTE(Categorization!S48,"x",'Categorization (2)'!S$4)</f>
        <v/>
      </c>
      <c r="T48" s="120" t="str">
        <f>SUBSTITUTE(Categorization!T48,"x",'Categorization (2)'!T$4)</f>
        <v/>
      </c>
      <c r="U48" s="120" t="str">
        <f>SUBSTITUTE(Categorization!U48,"x",'Categorization (2)'!U$4)</f>
        <v/>
      </c>
      <c r="V48" s="127" t="str">
        <f>SUBSTITUTE(Categorization!V48,"x",'Categorization (2)'!V$4)</f>
        <v xml:space="preserve">Środki opatrunkowe i higeniczne/ Pieluchy dla dorosłych/ </v>
      </c>
      <c r="W48" s="127" t="str">
        <f>SUBSTITUTE(Categorization!W48,"x",'Categorization (2)'!W$4)</f>
        <v/>
      </c>
      <c r="X48" s="127" t="str">
        <f>SUBSTITUTE(Categorization!X48,"x",'Categorization (2)'!X$4)</f>
        <v/>
      </c>
      <c r="Y48" s="127" t="str">
        <f>SUBSTITUTE(Categorization!Y48,"x",'Categorization (2)'!Y$4)</f>
        <v/>
      </c>
      <c r="Z48" s="127" t="str">
        <f>SUBSTITUTE(Categorization!Z48,"x",'Categorization (2)'!Z$4)</f>
        <v/>
      </c>
      <c r="AA48" s="124" t="str">
        <f>SUBSTITUTE(Categorization!AA48,"x",'Categorization (2)'!AA$4)</f>
        <v/>
      </c>
      <c r="AB48" s="124" t="str">
        <f>SUBSTITUTE(Categorization!AB48,"x",'Categorization (2)'!AB$4)</f>
        <v/>
      </c>
      <c r="AC48" s="124" t="str">
        <f>SUBSTITUTE(Categorization!AC48,"x",'Categorization (2)'!AC$4)</f>
        <v/>
      </c>
      <c r="AD48" s="124" t="str">
        <f>SUBSTITUTE(Categorization!AD48,"x",'Categorization (2)'!AD$4)</f>
        <v/>
      </c>
      <c r="AE48" s="124" t="str">
        <f>SUBSTITUTE(Categorization!AE48,"x",'Categorization (2)'!AE$4)</f>
        <v/>
      </c>
      <c r="AF48" s="108" t="str">
        <f>SUBSTITUTE(Categorization!AF48,"x",'Categorization (2)'!AF$4)</f>
        <v/>
      </c>
      <c r="AG48" s="108" t="str">
        <f>SUBSTITUTE(Categorization!AG48,"x",'Categorization (2)'!AG$4)</f>
        <v xml:space="preserve">Drogi moczowe/ nietrzymanie moczu/ Pieluchomajtki/ </v>
      </c>
      <c r="AH48" s="108" t="str">
        <f>SUBSTITUTE(Categorization!AH48,"x",'Categorization (2)'!AH$4)</f>
        <v xml:space="preserve">Drogi moczowe/ nietrzymanie moczu/ Pieluchy dla dorosłych/ </v>
      </c>
      <c r="AI48" s="108" t="str">
        <f>SUBSTITUTE(Categorization!AI48,"x",'Categorization (2)'!AI$4)</f>
        <v/>
      </c>
      <c r="AJ48" s="108" t="str">
        <f>SUBSTITUTE(Categorization!AJ48,"x",'Categorization (2)'!AJ$4)</f>
        <v/>
      </c>
      <c r="AK48" s="116" t="str">
        <f>SUBSTITUTE(Categorization!AK48,"x",'Categorization (2)'!AK$4)</f>
        <v/>
      </c>
      <c r="AL48" s="129" t="str">
        <f>SUBSTITUTE(Categorization!AL48,"x",'Categorization (2)'!AL$4)</f>
        <v/>
      </c>
      <c r="AM48" s="129" t="str">
        <f>SUBSTITUTE(Categorization!AM48,"x",'Categorization (2)'!AM$4)</f>
        <v/>
      </c>
      <c r="AN48" s="131" t="str">
        <f>SUBSTITUTE(Categorization!AN48,"x",'Categorization (2)'!AN$4)</f>
        <v/>
      </c>
      <c r="AO48" s="131" t="str">
        <f>SUBSTITUTE(Categorization!AO48,"x",'Categorization (2)'!AO$4)</f>
        <v xml:space="preserve">Sklep rehabilitacyjny/ Higiena i pielęgnacja chorych/ </v>
      </c>
      <c r="AP48" s="131" t="str">
        <f>SUBSTITUTE(Categorization!AP48,"x",'Categorization (2)'!AP$4)</f>
        <v xml:space="preserve">Sklep rehabilitacyjny/ Dla pacjenta leżącego/ </v>
      </c>
      <c r="AQ48" s="131" t="str">
        <f>SUBSTITUTE(Categorization!AQ48,"x",'Categorization (2)'!AQ$4)</f>
        <v/>
      </c>
      <c r="AR48" s="131" t="str">
        <f>SUBSTITUTE(Categorization!AR48,"x",'Categorization (2)'!AR$4)</f>
        <v xml:space="preserve">Sklep rehabilitacyjny/ Artykuły medyczne i rehabilitacyjne/ </v>
      </c>
      <c r="AS48" s="131" t="str">
        <f>SUBSTITUTE(Categorization!AS48,"x",'Categorization (2)'!AS$4)</f>
        <v xml:space="preserve">Sklep rehabilitacyjny/ Akcesoria dla osób starszych i niepełnosprawnych/ </v>
      </c>
      <c r="AT48" s="131" t="str">
        <f>SUBSTITUTE(Categorization!AT48,"x",'Categorization (2)'!AT$4)</f>
        <v/>
      </c>
      <c r="AU48" s="103"/>
      <c r="AV48" s="97"/>
    </row>
    <row r="49" spans="1:48" s="2" customFormat="1" ht="13.5" customHeight="1">
      <c r="A49" s="9"/>
      <c r="B49" s="9" t="s">
        <v>23</v>
      </c>
      <c r="C49" s="5">
        <v>45</v>
      </c>
      <c r="D49" s="11">
        <v>30</v>
      </c>
      <c r="E49" s="11">
        <v>711230</v>
      </c>
      <c r="F49" s="6" t="s">
        <v>26</v>
      </c>
      <c r="G49" s="23"/>
      <c r="H49" s="112" t="str">
        <f>SUBSTITUTE(Categorization!H49,"x",'Categorization (2)'!H$4)</f>
        <v/>
      </c>
      <c r="I49" s="112" t="str">
        <f>SUBSTITUTE(Categorization!I49,"x",'Categorization (2)'!I$4)</f>
        <v/>
      </c>
      <c r="J49" s="112" t="str">
        <f>SUBSTITUTE(Categorization!J49,"x",'Categorization (2)'!J$4)</f>
        <v/>
      </c>
      <c r="K49" s="112" t="str">
        <f>SUBSTITUTE(Categorization!K49,"x",'Categorization (2)'!K$4)</f>
        <v/>
      </c>
      <c r="L49" s="112" t="str">
        <f>SUBSTITUTE(Categorization!L49,"x",'Categorization (2)'!L$4)</f>
        <v/>
      </c>
      <c r="M49" s="112" t="str">
        <f>SUBSTITUTE(Categorization!M49,"x",'Categorization (2)'!M$4)</f>
        <v/>
      </c>
      <c r="N49" s="112" t="str">
        <f>SUBSTITUTE(Categorization!N49,"x",'Categorization (2)'!N$4)</f>
        <v/>
      </c>
      <c r="O49" s="112" t="str">
        <f>SUBSTITUTE(Categorization!O49,"x",'Categorization (2)'!O$4)</f>
        <v/>
      </c>
      <c r="P49" s="116" t="str">
        <f>SUBSTITUTE(Categorization!P49,"x",'Categorization (2)'!P$4)</f>
        <v/>
      </c>
      <c r="Q49" s="116" t="str">
        <f>SUBSTITUTE(Categorization!Q49,"x",'Categorization (2)'!Q$4)</f>
        <v/>
      </c>
      <c r="R49" s="120" t="str">
        <f>SUBSTITUTE(Categorization!R49,"x",'Categorization (2)'!R$4)</f>
        <v/>
      </c>
      <c r="S49" s="120" t="str">
        <f>SUBSTITUTE(Categorization!S49,"x",'Categorization (2)'!S$4)</f>
        <v/>
      </c>
      <c r="T49" s="120" t="str">
        <f>SUBSTITUTE(Categorization!T49,"x",'Categorization (2)'!T$4)</f>
        <v/>
      </c>
      <c r="U49" s="120" t="str">
        <f>SUBSTITUTE(Categorization!U49,"x",'Categorization (2)'!U$4)</f>
        <v/>
      </c>
      <c r="V49" s="127" t="str">
        <f>SUBSTITUTE(Categorization!V49,"x",'Categorization (2)'!V$4)</f>
        <v xml:space="preserve">Środki opatrunkowe i higeniczne/ Pieluchy dla dorosłych/ </v>
      </c>
      <c r="W49" s="127" t="str">
        <f>SUBSTITUTE(Categorization!W49,"x",'Categorization (2)'!W$4)</f>
        <v/>
      </c>
      <c r="X49" s="127" t="str">
        <f>SUBSTITUTE(Categorization!X49,"x",'Categorization (2)'!X$4)</f>
        <v/>
      </c>
      <c r="Y49" s="127" t="str">
        <f>SUBSTITUTE(Categorization!Y49,"x",'Categorization (2)'!Y$4)</f>
        <v/>
      </c>
      <c r="Z49" s="127" t="str">
        <f>SUBSTITUTE(Categorization!Z49,"x",'Categorization (2)'!Z$4)</f>
        <v/>
      </c>
      <c r="AA49" s="124" t="str">
        <f>SUBSTITUTE(Categorization!AA49,"x",'Categorization (2)'!AA$4)</f>
        <v/>
      </c>
      <c r="AB49" s="124" t="str">
        <f>SUBSTITUTE(Categorization!AB49,"x",'Categorization (2)'!AB$4)</f>
        <v/>
      </c>
      <c r="AC49" s="124" t="str">
        <f>SUBSTITUTE(Categorization!AC49,"x",'Categorization (2)'!AC$4)</f>
        <v/>
      </c>
      <c r="AD49" s="124" t="str">
        <f>SUBSTITUTE(Categorization!AD49,"x",'Categorization (2)'!AD$4)</f>
        <v/>
      </c>
      <c r="AE49" s="124" t="str">
        <f>SUBSTITUTE(Categorization!AE49,"x",'Categorization (2)'!AE$4)</f>
        <v/>
      </c>
      <c r="AF49" s="108" t="str">
        <f>SUBSTITUTE(Categorization!AF49,"x",'Categorization (2)'!AF$4)</f>
        <v/>
      </c>
      <c r="AG49" s="108" t="str">
        <f>SUBSTITUTE(Categorization!AG49,"x",'Categorization (2)'!AG$4)</f>
        <v xml:space="preserve">Drogi moczowe/ nietrzymanie moczu/ Pieluchomajtki/ </v>
      </c>
      <c r="AH49" s="108" t="str">
        <f>SUBSTITUTE(Categorization!AH49,"x",'Categorization (2)'!AH$4)</f>
        <v xml:space="preserve">Drogi moczowe/ nietrzymanie moczu/ Pieluchy dla dorosłych/ </v>
      </c>
      <c r="AI49" s="108" t="str">
        <f>SUBSTITUTE(Categorization!AI49,"x",'Categorization (2)'!AI$4)</f>
        <v/>
      </c>
      <c r="AJ49" s="108" t="str">
        <f>SUBSTITUTE(Categorization!AJ49,"x",'Categorization (2)'!AJ$4)</f>
        <v/>
      </c>
      <c r="AK49" s="116" t="str">
        <f>SUBSTITUTE(Categorization!AK49,"x",'Categorization (2)'!AK$4)</f>
        <v/>
      </c>
      <c r="AL49" s="129" t="str">
        <f>SUBSTITUTE(Categorization!AL49,"x",'Categorization (2)'!AL$4)</f>
        <v/>
      </c>
      <c r="AM49" s="129" t="str">
        <f>SUBSTITUTE(Categorization!AM49,"x",'Categorization (2)'!AM$4)</f>
        <v/>
      </c>
      <c r="AN49" s="131" t="str">
        <f>SUBSTITUTE(Categorization!AN49,"x",'Categorization (2)'!AN$4)</f>
        <v/>
      </c>
      <c r="AO49" s="131" t="str">
        <f>SUBSTITUTE(Categorization!AO49,"x",'Categorization (2)'!AO$4)</f>
        <v xml:space="preserve">Sklep rehabilitacyjny/ Higiena i pielęgnacja chorych/ </v>
      </c>
      <c r="AP49" s="131" t="str">
        <f>SUBSTITUTE(Categorization!AP49,"x",'Categorization (2)'!AP$4)</f>
        <v xml:space="preserve">Sklep rehabilitacyjny/ Dla pacjenta leżącego/ </v>
      </c>
      <c r="AQ49" s="131" t="str">
        <f>SUBSTITUTE(Categorization!AQ49,"x",'Categorization (2)'!AQ$4)</f>
        <v/>
      </c>
      <c r="AR49" s="131" t="str">
        <f>SUBSTITUTE(Categorization!AR49,"x",'Categorization (2)'!AR$4)</f>
        <v xml:space="preserve">Sklep rehabilitacyjny/ Artykuły medyczne i rehabilitacyjne/ </v>
      </c>
      <c r="AS49" s="131" t="str">
        <f>SUBSTITUTE(Categorization!AS49,"x",'Categorization (2)'!AS$4)</f>
        <v xml:space="preserve">Sklep rehabilitacyjny/ Akcesoria dla osób starszych i niepełnosprawnych/ </v>
      </c>
      <c r="AT49" s="131" t="str">
        <f>SUBSTITUTE(Categorization!AT49,"x",'Categorization (2)'!AT$4)</f>
        <v/>
      </c>
      <c r="AU49" s="103"/>
      <c r="AV49" s="97"/>
    </row>
    <row r="50" spans="1:48" s="2" customFormat="1" ht="13.5" customHeight="1">
      <c r="A50" s="9"/>
      <c r="B50" s="9" t="s">
        <v>23</v>
      </c>
      <c r="C50" s="5">
        <v>46</v>
      </c>
      <c r="D50" s="11">
        <v>10</v>
      </c>
      <c r="E50" s="11">
        <v>711410</v>
      </c>
      <c r="F50" s="6" t="s">
        <v>27</v>
      </c>
      <c r="G50" s="23"/>
      <c r="H50" s="112" t="str">
        <f>SUBSTITUTE(Categorization!H50,"x",'Categorization (2)'!H$4)</f>
        <v/>
      </c>
      <c r="I50" s="112" t="str">
        <f>SUBSTITUTE(Categorization!I50,"x",'Categorization (2)'!I$4)</f>
        <v/>
      </c>
      <c r="J50" s="112" t="str">
        <f>SUBSTITUTE(Categorization!J50,"x",'Categorization (2)'!J$4)</f>
        <v/>
      </c>
      <c r="K50" s="112" t="str">
        <f>SUBSTITUTE(Categorization!K50,"x",'Categorization (2)'!K$4)</f>
        <v/>
      </c>
      <c r="L50" s="112" t="str">
        <f>SUBSTITUTE(Categorization!L50,"x",'Categorization (2)'!L$4)</f>
        <v/>
      </c>
      <c r="M50" s="112" t="str">
        <f>SUBSTITUTE(Categorization!M50,"x",'Categorization (2)'!M$4)</f>
        <v/>
      </c>
      <c r="N50" s="112" t="str">
        <f>SUBSTITUTE(Categorization!N50,"x",'Categorization (2)'!N$4)</f>
        <v/>
      </c>
      <c r="O50" s="112" t="str">
        <f>SUBSTITUTE(Categorization!O50,"x",'Categorization (2)'!O$4)</f>
        <v/>
      </c>
      <c r="P50" s="116" t="str">
        <f>SUBSTITUTE(Categorization!P50,"x",'Categorization (2)'!P$4)</f>
        <v/>
      </c>
      <c r="Q50" s="116" t="str">
        <f>SUBSTITUTE(Categorization!Q50,"x",'Categorization (2)'!Q$4)</f>
        <v/>
      </c>
      <c r="R50" s="120" t="str">
        <f>SUBSTITUTE(Categorization!R50,"x",'Categorization (2)'!R$4)</f>
        <v/>
      </c>
      <c r="S50" s="120" t="str">
        <f>SUBSTITUTE(Categorization!S50,"x",'Categorization (2)'!S$4)</f>
        <v/>
      </c>
      <c r="T50" s="120" t="str">
        <f>SUBSTITUTE(Categorization!T50,"x",'Categorization (2)'!T$4)</f>
        <v/>
      </c>
      <c r="U50" s="120" t="str">
        <f>SUBSTITUTE(Categorization!U50,"x",'Categorization (2)'!U$4)</f>
        <v/>
      </c>
      <c r="V50" s="127" t="str">
        <f>SUBSTITUTE(Categorization!V50,"x",'Categorization (2)'!V$4)</f>
        <v xml:space="preserve">Środki opatrunkowe i higeniczne/ Pieluchy dla dorosłych/ </v>
      </c>
      <c r="W50" s="127" t="str">
        <f>SUBSTITUTE(Categorization!W50,"x",'Categorization (2)'!W$4)</f>
        <v/>
      </c>
      <c r="X50" s="127" t="str">
        <f>SUBSTITUTE(Categorization!X50,"x",'Categorization (2)'!X$4)</f>
        <v/>
      </c>
      <c r="Y50" s="127" t="str">
        <f>SUBSTITUTE(Categorization!Y50,"x",'Categorization (2)'!Y$4)</f>
        <v/>
      </c>
      <c r="Z50" s="127" t="str">
        <f>SUBSTITUTE(Categorization!Z50,"x",'Categorization (2)'!Z$4)</f>
        <v/>
      </c>
      <c r="AA50" s="124" t="str">
        <f>SUBSTITUTE(Categorization!AA50,"x",'Categorization (2)'!AA$4)</f>
        <v/>
      </c>
      <c r="AB50" s="124" t="str">
        <f>SUBSTITUTE(Categorization!AB50,"x",'Categorization (2)'!AB$4)</f>
        <v/>
      </c>
      <c r="AC50" s="124" t="str">
        <f>SUBSTITUTE(Categorization!AC50,"x",'Categorization (2)'!AC$4)</f>
        <v/>
      </c>
      <c r="AD50" s="124" t="str">
        <f>SUBSTITUTE(Categorization!AD50,"x",'Categorization (2)'!AD$4)</f>
        <v/>
      </c>
      <c r="AE50" s="124" t="str">
        <f>SUBSTITUTE(Categorization!AE50,"x",'Categorization (2)'!AE$4)</f>
        <v/>
      </c>
      <c r="AF50" s="108" t="str">
        <f>SUBSTITUTE(Categorization!AF50,"x",'Categorization (2)'!AF$4)</f>
        <v/>
      </c>
      <c r="AG50" s="108" t="str">
        <f>SUBSTITUTE(Categorization!AG50,"x",'Categorization (2)'!AG$4)</f>
        <v xml:space="preserve">Drogi moczowe/ nietrzymanie moczu/ Pieluchomajtki/ </v>
      </c>
      <c r="AH50" s="108" t="str">
        <f>SUBSTITUTE(Categorization!AH50,"x",'Categorization (2)'!AH$4)</f>
        <v xml:space="preserve">Drogi moczowe/ nietrzymanie moczu/ Pieluchy dla dorosłych/ </v>
      </c>
      <c r="AI50" s="108" t="str">
        <f>SUBSTITUTE(Categorization!AI50,"x",'Categorization (2)'!AI$4)</f>
        <v/>
      </c>
      <c r="AJ50" s="108" t="str">
        <f>SUBSTITUTE(Categorization!AJ50,"x",'Categorization (2)'!AJ$4)</f>
        <v/>
      </c>
      <c r="AK50" s="116" t="str">
        <f>SUBSTITUTE(Categorization!AK50,"x",'Categorization (2)'!AK$4)</f>
        <v/>
      </c>
      <c r="AL50" s="129" t="str">
        <f>SUBSTITUTE(Categorization!AL50,"x",'Categorization (2)'!AL$4)</f>
        <v/>
      </c>
      <c r="AM50" s="129" t="str">
        <f>SUBSTITUTE(Categorization!AM50,"x",'Categorization (2)'!AM$4)</f>
        <v/>
      </c>
      <c r="AN50" s="131" t="str">
        <f>SUBSTITUTE(Categorization!AN50,"x",'Categorization (2)'!AN$4)</f>
        <v/>
      </c>
      <c r="AO50" s="131" t="str">
        <f>SUBSTITUTE(Categorization!AO50,"x",'Categorization (2)'!AO$4)</f>
        <v xml:space="preserve">Sklep rehabilitacyjny/ Higiena i pielęgnacja chorych/ </v>
      </c>
      <c r="AP50" s="131" t="str">
        <f>SUBSTITUTE(Categorization!AP50,"x",'Categorization (2)'!AP$4)</f>
        <v xml:space="preserve">Sklep rehabilitacyjny/ Dla pacjenta leżącego/ </v>
      </c>
      <c r="AQ50" s="131" t="str">
        <f>SUBSTITUTE(Categorization!AQ50,"x",'Categorization (2)'!AQ$4)</f>
        <v/>
      </c>
      <c r="AR50" s="131" t="str">
        <f>SUBSTITUTE(Categorization!AR50,"x",'Categorization (2)'!AR$4)</f>
        <v xml:space="preserve">Sklep rehabilitacyjny/ Artykuły medyczne i rehabilitacyjne/ </v>
      </c>
      <c r="AS50" s="131" t="str">
        <f>SUBSTITUTE(Categorization!AS50,"x",'Categorization (2)'!AS$4)</f>
        <v xml:space="preserve">Sklep rehabilitacyjny/ Akcesoria dla osób starszych i niepełnosprawnych/ </v>
      </c>
      <c r="AT50" s="131" t="str">
        <f>SUBSTITUTE(Categorization!AT50,"x",'Categorization (2)'!AT$4)</f>
        <v/>
      </c>
      <c r="AU50" s="103"/>
      <c r="AV50" s="97"/>
    </row>
    <row r="51" spans="1:48" s="2" customFormat="1" ht="13.5" customHeight="1">
      <c r="A51" s="9"/>
      <c r="B51" s="9" t="s">
        <v>23</v>
      </c>
      <c r="C51" s="5">
        <v>47</v>
      </c>
      <c r="D51" s="11">
        <v>30</v>
      </c>
      <c r="E51" s="11">
        <v>711430</v>
      </c>
      <c r="F51" s="6" t="s">
        <v>27</v>
      </c>
      <c r="G51" s="23"/>
      <c r="H51" s="112" t="str">
        <f>SUBSTITUTE(Categorization!H51,"x",'Categorization (2)'!H$4)</f>
        <v/>
      </c>
      <c r="I51" s="112" t="str">
        <f>SUBSTITUTE(Categorization!I51,"x",'Categorization (2)'!I$4)</f>
        <v/>
      </c>
      <c r="J51" s="112" t="str">
        <f>SUBSTITUTE(Categorization!J51,"x",'Categorization (2)'!J$4)</f>
        <v/>
      </c>
      <c r="K51" s="112" t="str">
        <f>SUBSTITUTE(Categorization!K51,"x",'Categorization (2)'!K$4)</f>
        <v/>
      </c>
      <c r="L51" s="112" t="str">
        <f>SUBSTITUTE(Categorization!L51,"x",'Categorization (2)'!L$4)</f>
        <v/>
      </c>
      <c r="M51" s="112" t="str">
        <f>SUBSTITUTE(Categorization!M51,"x",'Categorization (2)'!M$4)</f>
        <v/>
      </c>
      <c r="N51" s="112" t="str">
        <f>SUBSTITUTE(Categorization!N51,"x",'Categorization (2)'!N$4)</f>
        <v/>
      </c>
      <c r="O51" s="112" t="str">
        <f>SUBSTITUTE(Categorization!O51,"x",'Categorization (2)'!O$4)</f>
        <v/>
      </c>
      <c r="P51" s="116" t="str">
        <f>SUBSTITUTE(Categorization!P51,"x",'Categorization (2)'!P$4)</f>
        <v/>
      </c>
      <c r="Q51" s="116" t="str">
        <f>SUBSTITUTE(Categorization!Q51,"x",'Categorization (2)'!Q$4)</f>
        <v/>
      </c>
      <c r="R51" s="120" t="str">
        <f>SUBSTITUTE(Categorization!R51,"x",'Categorization (2)'!R$4)</f>
        <v/>
      </c>
      <c r="S51" s="120" t="str">
        <f>SUBSTITUTE(Categorization!S51,"x",'Categorization (2)'!S$4)</f>
        <v/>
      </c>
      <c r="T51" s="120" t="str">
        <f>SUBSTITUTE(Categorization!T51,"x",'Categorization (2)'!T$4)</f>
        <v/>
      </c>
      <c r="U51" s="120" t="str">
        <f>SUBSTITUTE(Categorization!U51,"x",'Categorization (2)'!U$4)</f>
        <v/>
      </c>
      <c r="V51" s="127" t="str">
        <f>SUBSTITUTE(Categorization!V51,"x",'Categorization (2)'!V$4)</f>
        <v xml:space="preserve">Środki opatrunkowe i higeniczne/ Pieluchy dla dorosłych/ </v>
      </c>
      <c r="W51" s="127" t="str">
        <f>SUBSTITUTE(Categorization!W51,"x",'Categorization (2)'!W$4)</f>
        <v/>
      </c>
      <c r="X51" s="127" t="str">
        <f>SUBSTITUTE(Categorization!X51,"x",'Categorization (2)'!X$4)</f>
        <v/>
      </c>
      <c r="Y51" s="127" t="str">
        <f>SUBSTITUTE(Categorization!Y51,"x",'Categorization (2)'!Y$4)</f>
        <v/>
      </c>
      <c r="Z51" s="127" t="str">
        <f>SUBSTITUTE(Categorization!Z51,"x",'Categorization (2)'!Z$4)</f>
        <v/>
      </c>
      <c r="AA51" s="124" t="str">
        <f>SUBSTITUTE(Categorization!AA51,"x",'Categorization (2)'!AA$4)</f>
        <v/>
      </c>
      <c r="AB51" s="124" t="str">
        <f>SUBSTITUTE(Categorization!AB51,"x",'Categorization (2)'!AB$4)</f>
        <v/>
      </c>
      <c r="AC51" s="124" t="str">
        <f>SUBSTITUTE(Categorization!AC51,"x",'Categorization (2)'!AC$4)</f>
        <v/>
      </c>
      <c r="AD51" s="124" t="str">
        <f>SUBSTITUTE(Categorization!AD51,"x",'Categorization (2)'!AD$4)</f>
        <v/>
      </c>
      <c r="AE51" s="124" t="str">
        <f>SUBSTITUTE(Categorization!AE51,"x",'Categorization (2)'!AE$4)</f>
        <v/>
      </c>
      <c r="AF51" s="108" t="str">
        <f>SUBSTITUTE(Categorization!AF51,"x",'Categorization (2)'!AF$4)</f>
        <v/>
      </c>
      <c r="AG51" s="108" t="str">
        <f>SUBSTITUTE(Categorization!AG51,"x",'Categorization (2)'!AG$4)</f>
        <v xml:space="preserve">Drogi moczowe/ nietrzymanie moczu/ Pieluchomajtki/ </v>
      </c>
      <c r="AH51" s="108" t="str">
        <f>SUBSTITUTE(Categorization!AH51,"x",'Categorization (2)'!AH$4)</f>
        <v xml:space="preserve">Drogi moczowe/ nietrzymanie moczu/ Pieluchy dla dorosłych/ </v>
      </c>
      <c r="AI51" s="108" t="str">
        <f>SUBSTITUTE(Categorization!AI51,"x",'Categorization (2)'!AI$4)</f>
        <v/>
      </c>
      <c r="AJ51" s="108" t="str">
        <f>SUBSTITUTE(Categorization!AJ51,"x",'Categorization (2)'!AJ$4)</f>
        <v/>
      </c>
      <c r="AK51" s="116" t="str">
        <f>SUBSTITUTE(Categorization!AK51,"x",'Categorization (2)'!AK$4)</f>
        <v/>
      </c>
      <c r="AL51" s="129" t="str">
        <f>SUBSTITUTE(Categorization!AL51,"x",'Categorization (2)'!AL$4)</f>
        <v/>
      </c>
      <c r="AM51" s="129" t="str">
        <f>SUBSTITUTE(Categorization!AM51,"x",'Categorization (2)'!AM$4)</f>
        <v/>
      </c>
      <c r="AN51" s="131" t="str">
        <f>SUBSTITUTE(Categorization!AN51,"x",'Categorization (2)'!AN$4)</f>
        <v/>
      </c>
      <c r="AO51" s="131" t="str">
        <f>SUBSTITUTE(Categorization!AO51,"x",'Categorization (2)'!AO$4)</f>
        <v xml:space="preserve">Sklep rehabilitacyjny/ Higiena i pielęgnacja chorych/ </v>
      </c>
      <c r="AP51" s="131" t="str">
        <f>SUBSTITUTE(Categorization!AP51,"x",'Categorization (2)'!AP$4)</f>
        <v xml:space="preserve">Sklep rehabilitacyjny/ Dla pacjenta leżącego/ </v>
      </c>
      <c r="AQ51" s="131" t="str">
        <f>SUBSTITUTE(Categorization!AQ51,"x",'Categorization (2)'!AQ$4)</f>
        <v/>
      </c>
      <c r="AR51" s="131" t="str">
        <f>SUBSTITUTE(Categorization!AR51,"x",'Categorization (2)'!AR$4)</f>
        <v xml:space="preserve">Sklep rehabilitacyjny/ Artykuły medyczne i rehabilitacyjne/ </v>
      </c>
      <c r="AS51" s="131" t="str">
        <f>SUBSTITUTE(Categorization!AS51,"x",'Categorization (2)'!AS$4)</f>
        <v xml:space="preserve">Sklep rehabilitacyjny/ Akcesoria dla osób starszych i niepełnosprawnych/ </v>
      </c>
      <c r="AT51" s="131" t="str">
        <f>SUBSTITUTE(Categorization!AT51,"x",'Categorization (2)'!AT$4)</f>
        <v/>
      </c>
      <c r="AU51" s="103"/>
      <c r="AV51" s="97"/>
    </row>
    <row r="52" spans="1:48" s="2" customFormat="1" ht="13.5" customHeight="1">
      <c r="A52" s="9"/>
      <c r="B52" s="9" t="s">
        <v>24</v>
      </c>
      <c r="C52" s="5">
        <v>48</v>
      </c>
      <c r="D52" s="11">
        <v>30</v>
      </c>
      <c r="E52" s="7">
        <v>724130</v>
      </c>
      <c r="F52" s="6" t="s">
        <v>25</v>
      </c>
      <c r="G52" s="23"/>
      <c r="H52" s="112" t="str">
        <f>SUBSTITUTE(Categorization!H52,"x",'Categorization (2)'!H$4)</f>
        <v/>
      </c>
      <c r="I52" s="112" t="str">
        <f>SUBSTITUTE(Categorization!I52,"x",'Categorization (2)'!I$4)</f>
        <v/>
      </c>
      <c r="J52" s="112" t="str">
        <f>SUBSTITUTE(Categorization!J52,"x",'Categorization (2)'!J$4)</f>
        <v/>
      </c>
      <c r="K52" s="112" t="str">
        <f>SUBSTITUTE(Categorization!K52,"x",'Categorization (2)'!K$4)</f>
        <v/>
      </c>
      <c r="L52" s="112" t="str">
        <f>SUBSTITUTE(Categorization!L52,"x",'Categorization (2)'!L$4)</f>
        <v/>
      </c>
      <c r="M52" s="112" t="str">
        <f>SUBSTITUTE(Categorization!M52,"x",'Categorization (2)'!M$4)</f>
        <v/>
      </c>
      <c r="N52" s="112" t="str">
        <f>SUBSTITUTE(Categorization!N52,"x",'Categorization (2)'!N$4)</f>
        <v/>
      </c>
      <c r="O52" s="112" t="str">
        <f>SUBSTITUTE(Categorization!O52,"x",'Categorization (2)'!O$4)</f>
        <v/>
      </c>
      <c r="P52" s="116" t="str">
        <f>SUBSTITUTE(Categorization!P52,"x",'Categorization (2)'!P$4)</f>
        <v/>
      </c>
      <c r="Q52" s="116" t="str">
        <f>SUBSTITUTE(Categorization!Q52,"x",'Categorization (2)'!Q$4)</f>
        <v/>
      </c>
      <c r="R52" s="120" t="str">
        <f>SUBSTITUTE(Categorization!R52,"x",'Categorization (2)'!R$4)</f>
        <v/>
      </c>
      <c r="S52" s="120" t="str">
        <f>SUBSTITUTE(Categorization!S52,"x",'Categorization (2)'!S$4)</f>
        <v/>
      </c>
      <c r="T52" s="120" t="str">
        <f>SUBSTITUTE(Categorization!T52,"x",'Categorization (2)'!T$4)</f>
        <v/>
      </c>
      <c r="U52" s="120" t="str">
        <f>SUBSTITUTE(Categorization!U52,"x",'Categorization (2)'!U$4)</f>
        <v/>
      </c>
      <c r="V52" s="127" t="str">
        <f>SUBSTITUTE(Categorization!V52,"x",'Categorization (2)'!V$4)</f>
        <v xml:space="preserve">Środki opatrunkowe i higeniczne/ Pieluchy dla dorosłych/ </v>
      </c>
      <c r="W52" s="127" t="str">
        <f>SUBSTITUTE(Categorization!W52,"x",'Categorization (2)'!W$4)</f>
        <v/>
      </c>
      <c r="X52" s="127" t="str">
        <f>SUBSTITUTE(Categorization!X52,"x",'Categorization (2)'!X$4)</f>
        <v/>
      </c>
      <c r="Y52" s="127" t="str">
        <f>SUBSTITUTE(Categorization!Y52,"x",'Categorization (2)'!Y$4)</f>
        <v/>
      </c>
      <c r="Z52" s="127" t="str">
        <f>SUBSTITUTE(Categorization!Z52,"x",'Categorization (2)'!Z$4)</f>
        <v/>
      </c>
      <c r="AA52" s="124" t="str">
        <f>SUBSTITUTE(Categorization!AA52,"x",'Categorization (2)'!AA$4)</f>
        <v/>
      </c>
      <c r="AB52" s="124" t="str">
        <f>SUBSTITUTE(Categorization!AB52,"x",'Categorization (2)'!AB$4)</f>
        <v/>
      </c>
      <c r="AC52" s="124" t="str">
        <f>SUBSTITUTE(Categorization!AC52,"x",'Categorization (2)'!AC$4)</f>
        <v/>
      </c>
      <c r="AD52" s="124" t="str">
        <f>SUBSTITUTE(Categorization!AD52,"x",'Categorization (2)'!AD$4)</f>
        <v/>
      </c>
      <c r="AE52" s="124" t="str">
        <f>SUBSTITUTE(Categorization!AE52,"x",'Categorization (2)'!AE$4)</f>
        <v/>
      </c>
      <c r="AF52" s="108" t="str">
        <f>SUBSTITUTE(Categorization!AF52,"x",'Categorization (2)'!AF$4)</f>
        <v/>
      </c>
      <c r="AG52" s="108" t="str">
        <f>SUBSTITUTE(Categorization!AG52,"x",'Categorization (2)'!AG$4)</f>
        <v xml:space="preserve">Drogi moczowe/ nietrzymanie moczu/ Pieluchomajtki/ </v>
      </c>
      <c r="AH52" s="108" t="str">
        <f>SUBSTITUTE(Categorization!AH52,"x",'Categorization (2)'!AH$4)</f>
        <v xml:space="preserve">Drogi moczowe/ nietrzymanie moczu/ Pieluchy dla dorosłych/ </v>
      </c>
      <c r="AI52" s="108" t="str">
        <f>SUBSTITUTE(Categorization!AI52,"x",'Categorization (2)'!AI$4)</f>
        <v/>
      </c>
      <c r="AJ52" s="108" t="str">
        <f>SUBSTITUTE(Categorization!AJ52,"x",'Categorization (2)'!AJ$4)</f>
        <v/>
      </c>
      <c r="AK52" s="116" t="str">
        <f>SUBSTITUTE(Categorization!AK52,"x",'Categorization (2)'!AK$4)</f>
        <v/>
      </c>
      <c r="AL52" s="129" t="str">
        <f>SUBSTITUTE(Categorization!AL52,"x",'Categorization (2)'!AL$4)</f>
        <v/>
      </c>
      <c r="AM52" s="129" t="str">
        <f>SUBSTITUTE(Categorization!AM52,"x",'Categorization (2)'!AM$4)</f>
        <v/>
      </c>
      <c r="AN52" s="131" t="str">
        <f>SUBSTITUTE(Categorization!AN52,"x",'Categorization (2)'!AN$4)</f>
        <v/>
      </c>
      <c r="AO52" s="131" t="str">
        <f>SUBSTITUTE(Categorization!AO52,"x",'Categorization (2)'!AO$4)</f>
        <v xml:space="preserve">Sklep rehabilitacyjny/ Higiena i pielęgnacja chorych/ </v>
      </c>
      <c r="AP52" s="131" t="str">
        <f>SUBSTITUTE(Categorization!AP52,"x",'Categorization (2)'!AP$4)</f>
        <v xml:space="preserve">Sklep rehabilitacyjny/ Dla pacjenta leżącego/ </v>
      </c>
      <c r="AQ52" s="131" t="str">
        <f>SUBSTITUTE(Categorization!AQ52,"x",'Categorization (2)'!AQ$4)</f>
        <v/>
      </c>
      <c r="AR52" s="131" t="str">
        <f>SUBSTITUTE(Categorization!AR52,"x",'Categorization (2)'!AR$4)</f>
        <v xml:space="preserve">Sklep rehabilitacyjny/ Artykuły medyczne i rehabilitacyjne/ </v>
      </c>
      <c r="AS52" s="131" t="str">
        <f>SUBSTITUTE(Categorization!AS52,"x",'Categorization (2)'!AS$4)</f>
        <v xml:space="preserve">Sklep rehabilitacyjny/ Akcesoria dla osób starszych i niepełnosprawnych/ </v>
      </c>
      <c r="AT52" s="131" t="str">
        <f>SUBSTITUTE(Categorization!AT52,"x",'Categorization (2)'!AT$4)</f>
        <v/>
      </c>
      <c r="AU52" s="103"/>
      <c r="AV52" s="97"/>
    </row>
    <row r="53" spans="1:48" s="2" customFormat="1" ht="13.5" customHeight="1">
      <c r="A53" s="9"/>
      <c r="B53" s="9" t="s">
        <v>24</v>
      </c>
      <c r="C53" s="5">
        <v>49</v>
      </c>
      <c r="D53" s="11">
        <v>30</v>
      </c>
      <c r="E53" s="7">
        <v>724230</v>
      </c>
      <c r="F53" s="6" t="s">
        <v>26</v>
      </c>
      <c r="G53" s="23"/>
      <c r="H53" s="112" t="str">
        <f>SUBSTITUTE(Categorization!H53,"x",'Categorization (2)'!H$4)</f>
        <v/>
      </c>
      <c r="I53" s="112" t="str">
        <f>SUBSTITUTE(Categorization!I53,"x",'Categorization (2)'!I$4)</f>
        <v/>
      </c>
      <c r="J53" s="112" t="str">
        <f>SUBSTITUTE(Categorization!J53,"x",'Categorization (2)'!J$4)</f>
        <v/>
      </c>
      <c r="K53" s="112" t="str">
        <f>SUBSTITUTE(Categorization!K53,"x",'Categorization (2)'!K$4)</f>
        <v/>
      </c>
      <c r="L53" s="112" t="str">
        <f>SUBSTITUTE(Categorization!L53,"x",'Categorization (2)'!L$4)</f>
        <v/>
      </c>
      <c r="M53" s="112" t="str">
        <f>SUBSTITUTE(Categorization!M53,"x",'Categorization (2)'!M$4)</f>
        <v/>
      </c>
      <c r="N53" s="112" t="str">
        <f>SUBSTITUTE(Categorization!N53,"x",'Categorization (2)'!N$4)</f>
        <v/>
      </c>
      <c r="O53" s="112" t="str">
        <f>SUBSTITUTE(Categorization!O53,"x",'Categorization (2)'!O$4)</f>
        <v/>
      </c>
      <c r="P53" s="116" t="str">
        <f>SUBSTITUTE(Categorization!P53,"x",'Categorization (2)'!P$4)</f>
        <v/>
      </c>
      <c r="Q53" s="116" t="str">
        <f>SUBSTITUTE(Categorization!Q53,"x",'Categorization (2)'!Q$4)</f>
        <v/>
      </c>
      <c r="R53" s="120" t="str">
        <f>SUBSTITUTE(Categorization!R53,"x",'Categorization (2)'!R$4)</f>
        <v/>
      </c>
      <c r="S53" s="120" t="str">
        <f>SUBSTITUTE(Categorization!S53,"x",'Categorization (2)'!S$4)</f>
        <v/>
      </c>
      <c r="T53" s="120" t="str">
        <f>SUBSTITUTE(Categorization!T53,"x",'Categorization (2)'!T$4)</f>
        <v/>
      </c>
      <c r="U53" s="120" t="str">
        <f>SUBSTITUTE(Categorization!U53,"x",'Categorization (2)'!U$4)</f>
        <v/>
      </c>
      <c r="V53" s="127" t="str">
        <f>SUBSTITUTE(Categorization!V53,"x",'Categorization (2)'!V$4)</f>
        <v xml:space="preserve">Środki opatrunkowe i higeniczne/ Pieluchy dla dorosłych/ </v>
      </c>
      <c r="W53" s="127" t="str">
        <f>SUBSTITUTE(Categorization!W53,"x",'Categorization (2)'!W$4)</f>
        <v/>
      </c>
      <c r="X53" s="127" t="str">
        <f>SUBSTITUTE(Categorization!X53,"x",'Categorization (2)'!X$4)</f>
        <v/>
      </c>
      <c r="Y53" s="127" t="str">
        <f>SUBSTITUTE(Categorization!Y53,"x",'Categorization (2)'!Y$4)</f>
        <v/>
      </c>
      <c r="Z53" s="127" t="str">
        <f>SUBSTITUTE(Categorization!Z53,"x",'Categorization (2)'!Z$4)</f>
        <v/>
      </c>
      <c r="AA53" s="124" t="str">
        <f>SUBSTITUTE(Categorization!AA53,"x",'Categorization (2)'!AA$4)</f>
        <v/>
      </c>
      <c r="AB53" s="124" t="str">
        <f>SUBSTITUTE(Categorization!AB53,"x",'Categorization (2)'!AB$4)</f>
        <v/>
      </c>
      <c r="AC53" s="124" t="str">
        <f>SUBSTITUTE(Categorization!AC53,"x",'Categorization (2)'!AC$4)</f>
        <v/>
      </c>
      <c r="AD53" s="124" t="str">
        <f>SUBSTITUTE(Categorization!AD53,"x",'Categorization (2)'!AD$4)</f>
        <v/>
      </c>
      <c r="AE53" s="124" t="str">
        <f>SUBSTITUTE(Categorization!AE53,"x",'Categorization (2)'!AE$4)</f>
        <v/>
      </c>
      <c r="AF53" s="108" t="str">
        <f>SUBSTITUTE(Categorization!AF53,"x",'Categorization (2)'!AF$4)</f>
        <v/>
      </c>
      <c r="AG53" s="108" t="str">
        <f>SUBSTITUTE(Categorization!AG53,"x",'Categorization (2)'!AG$4)</f>
        <v xml:space="preserve">Drogi moczowe/ nietrzymanie moczu/ Pieluchomajtki/ </v>
      </c>
      <c r="AH53" s="108" t="str">
        <f>SUBSTITUTE(Categorization!AH53,"x",'Categorization (2)'!AH$4)</f>
        <v xml:space="preserve">Drogi moczowe/ nietrzymanie moczu/ Pieluchy dla dorosłych/ </v>
      </c>
      <c r="AI53" s="108" t="str">
        <f>SUBSTITUTE(Categorization!AI53,"x",'Categorization (2)'!AI$4)</f>
        <v/>
      </c>
      <c r="AJ53" s="108" t="str">
        <f>SUBSTITUTE(Categorization!AJ53,"x",'Categorization (2)'!AJ$4)</f>
        <v/>
      </c>
      <c r="AK53" s="116" t="str">
        <f>SUBSTITUTE(Categorization!AK53,"x",'Categorization (2)'!AK$4)</f>
        <v/>
      </c>
      <c r="AL53" s="129" t="str">
        <f>SUBSTITUTE(Categorization!AL53,"x",'Categorization (2)'!AL$4)</f>
        <v/>
      </c>
      <c r="AM53" s="129" t="str">
        <f>SUBSTITUTE(Categorization!AM53,"x",'Categorization (2)'!AM$4)</f>
        <v/>
      </c>
      <c r="AN53" s="131" t="str">
        <f>SUBSTITUTE(Categorization!AN53,"x",'Categorization (2)'!AN$4)</f>
        <v/>
      </c>
      <c r="AO53" s="131" t="str">
        <f>SUBSTITUTE(Categorization!AO53,"x",'Categorization (2)'!AO$4)</f>
        <v xml:space="preserve">Sklep rehabilitacyjny/ Higiena i pielęgnacja chorych/ </v>
      </c>
      <c r="AP53" s="131" t="str">
        <f>SUBSTITUTE(Categorization!AP53,"x",'Categorization (2)'!AP$4)</f>
        <v xml:space="preserve">Sklep rehabilitacyjny/ Dla pacjenta leżącego/ </v>
      </c>
      <c r="AQ53" s="131" t="str">
        <f>SUBSTITUTE(Categorization!AQ53,"x",'Categorization (2)'!AQ$4)</f>
        <v/>
      </c>
      <c r="AR53" s="131" t="str">
        <f>SUBSTITUTE(Categorization!AR53,"x",'Categorization (2)'!AR$4)</f>
        <v xml:space="preserve">Sklep rehabilitacyjny/ Artykuły medyczne i rehabilitacyjne/ </v>
      </c>
      <c r="AS53" s="131" t="str">
        <f>SUBSTITUTE(Categorization!AS53,"x",'Categorization (2)'!AS$4)</f>
        <v xml:space="preserve">Sklep rehabilitacyjny/ Akcesoria dla osób starszych i niepełnosprawnych/ </v>
      </c>
      <c r="AT53" s="131" t="str">
        <f>SUBSTITUTE(Categorization!AT53,"x",'Categorization (2)'!AT$4)</f>
        <v/>
      </c>
      <c r="AU53" s="103"/>
      <c r="AV53" s="97"/>
    </row>
    <row r="54" spans="1:48" s="2" customFormat="1" ht="13.5" customHeight="1">
      <c r="A54" s="9"/>
      <c r="B54" s="9" t="s">
        <v>24</v>
      </c>
      <c r="C54" s="5">
        <v>50</v>
      </c>
      <c r="D54" s="11">
        <v>30</v>
      </c>
      <c r="E54" s="7">
        <v>724330</v>
      </c>
      <c r="F54" s="6" t="s">
        <v>27</v>
      </c>
      <c r="G54" s="23"/>
      <c r="H54" s="112" t="str">
        <f>SUBSTITUTE(Categorization!H54,"x",'Categorization (2)'!H$4)</f>
        <v/>
      </c>
      <c r="I54" s="112" t="str">
        <f>SUBSTITUTE(Categorization!I54,"x",'Categorization (2)'!I$4)</f>
        <v/>
      </c>
      <c r="J54" s="112" t="str">
        <f>SUBSTITUTE(Categorization!J54,"x",'Categorization (2)'!J$4)</f>
        <v/>
      </c>
      <c r="K54" s="112" t="str">
        <f>SUBSTITUTE(Categorization!K54,"x",'Categorization (2)'!K$4)</f>
        <v/>
      </c>
      <c r="L54" s="112" t="str">
        <f>SUBSTITUTE(Categorization!L54,"x",'Categorization (2)'!L$4)</f>
        <v/>
      </c>
      <c r="M54" s="112" t="str">
        <f>SUBSTITUTE(Categorization!M54,"x",'Categorization (2)'!M$4)</f>
        <v/>
      </c>
      <c r="N54" s="112" t="str">
        <f>SUBSTITUTE(Categorization!N54,"x",'Categorization (2)'!N$4)</f>
        <v/>
      </c>
      <c r="O54" s="112" t="str">
        <f>SUBSTITUTE(Categorization!O54,"x",'Categorization (2)'!O$4)</f>
        <v/>
      </c>
      <c r="P54" s="116" t="str">
        <f>SUBSTITUTE(Categorization!P54,"x",'Categorization (2)'!P$4)</f>
        <v/>
      </c>
      <c r="Q54" s="116" t="str">
        <f>SUBSTITUTE(Categorization!Q54,"x",'Categorization (2)'!Q$4)</f>
        <v/>
      </c>
      <c r="R54" s="120" t="str">
        <f>SUBSTITUTE(Categorization!R54,"x",'Categorization (2)'!R$4)</f>
        <v/>
      </c>
      <c r="S54" s="120" t="str">
        <f>SUBSTITUTE(Categorization!S54,"x",'Categorization (2)'!S$4)</f>
        <v/>
      </c>
      <c r="T54" s="120" t="str">
        <f>SUBSTITUTE(Categorization!T54,"x",'Categorization (2)'!T$4)</f>
        <v/>
      </c>
      <c r="U54" s="120" t="str">
        <f>SUBSTITUTE(Categorization!U54,"x",'Categorization (2)'!U$4)</f>
        <v/>
      </c>
      <c r="V54" s="127" t="str">
        <f>SUBSTITUTE(Categorization!V54,"x",'Categorization (2)'!V$4)</f>
        <v xml:space="preserve">Środki opatrunkowe i higeniczne/ Pieluchy dla dorosłych/ </v>
      </c>
      <c r="W54" s="127" t="str">
        <f>SUBSTITUTE(Categorization!W54,"x",'Categorization (2)'!W$4)</f>
        <v/>
      </c>
      <c r="X54" s="127" t="str">
        <f>SUBSTITUTE(Categorization!X54,"x",'Categorization (2)'!X$4)</f>
        <v/>
      </c>
      <c r="Y54" s="127" t="str">
        <f>SUBSTITUTE(Categorization!Y54,"x",'Categorization (2)'!Y$4)</f>
        <v/>
      </c>
      <c r="Z54" s="127" t="str">
        <f>SUBSTITUTE(Categorization!Z54,"x",'Categorization (2)'!Z$4)</f>
        <v/>
      </c>
      <c r="AA54" s="124" t="str">
        <f>SUBSTITUTE(Categorization!AA54,"x",'Categorization (2)'!AA$4)</f>
        <v/>
      </c>
      <c r="AB54" s="124" t="str">
        <f>SUBSTITUTE(Categorization!AB54,"x",'Categorization (2)'!AB$4)</f>
        <v/>
      </c>
      <c r="AC54" s="124" t="str">
        <f>SUBSTITUTE(Categorization!AC54,"x",'Categorization (2)'!AC$4)</f>
        <v/>
      </c>
      <c r="AD54" s="124" t="str">
        <f>SUBSTITUTE(Categorization!AD54,"x",'Categorization (2)'!AD$4)</f>
        <v/>
      </c>
      <c r="AE54" s="124" t="str">
        <f>SUBSTITUTE(Categorization!AE54,"x",'Categorization (2)'!AE$4)</f>
        <v/>
      </c>
      <c r="AF54" s="108" t="str">
        <f>SUBSTITUTE(Categorization!AF54,"x",'Categorization (2)'!AF$4)</f>
        <v/>
      </c>
      <c r="AG54" s="108" t="str">
        <f>SUBSTITUTE(Categorization!AG54,"x",'Categorization (2)'!AG$4)</f>
        <v xml:space="preserve">Drogi moczowe/ nietrzymanie moczu/ Pieluchomajtki/ </v>
      </c>
      <c r="AH54" s="108" t="str">
        <f>SUBSTITUTE(Categorization!AH54,"x",'Categorization (2)'!AH$4)</f>
        <v xml:space="preserve">Drogi moczowe/ nietrzymanie moczu/ Pieluchy dla dorosłych/ </v>
      </c>
      <c r="AI54" s="108" t="str">
        <f>SUBSTITUTE(Categorization!AI54,"x",'Categorization (2)'!AI$4)</f>
        <v/>
      </c>
      <c r="AJ54" s="108" t="str">
        <f>SUBSTITUTE(Categorization!AJ54,"x",'Categorization (2)'!AJ$4)</f>
        <v/>
      </c>
      <c r="AK54" s="116" t="str">
        <f>SUBSTITUTE(Categorization!AK54,"x",'Categorization (2)'!AK$4)</f>
        <v/>
      </c>
      <c r="AL54" s="129" t="str">
        <f>SUBSTITUTE(Categorization!AL54,"x",'Categorization (2)'!AL$4)</f>
        <v/>
      </c>
      <c r="AM54" s="129" t="str">
        <f>SUBSTITUTE(Categorization!AM54,"x",'Categorization (2)'!AM$4)</f>
        <v/>
      </c>
      <c r="AN54" s="131" t="str">
        <f>SUBSTITUTE(Categorization!AN54,"x",'Categorization (2)'!AN$4)</f>
        <v/>
      </c>
      <c r="AO54" s="131" t="str">
        <f>SUBSTITUTE(Categorization!AO54,"x",'Categorization (2)'!AO$4)</f>
        <v xml:space="preserve">Sklep rehabilitacyjny/ Higiena i pielęgnacja chorych/ </v>
      </c>
      <c r="AP54" s="131" t="str">
        <f>SUBSTITUTE(Categorization!AP54,"x",'Categorization (2)'!AP$4)</f>
        <v xml:space="preserve">Sklep rehabilitacyjny/ Dla pacjenta leżącego/ </v>
      </c>
      <c r="AQ54" s="131" t="str">
        <f>SUBSTITUTE(Categorization!AQ54,"x",'Categorization (2)'!AQ$4)</f>
        <v/>
      </c>
      <c r="AR54" s="131" t="str">
        <f>SUBSTITUTE(Categorization!AR54,"x",'Categorization (2)'!AR$4)</f>
        <v xml:space="preserve">Sklep rehabilitacyjny/ Artykuły medyczne i rehabilitacyjne/ </v>
      </c>
      <c r="AS54" s="131" t="str">
        <f>SUBSTITUTE(Categorization!AS54,"x",'Categorization (2)'!AS$4)</f>
        <v xml:space="preserve">Sklep rehabilitacyjny/ Akcesoria dla osób starszych i niepełnosprawnych/ </v>
      </c>
      <c r="AT54" s="131" t="str">
        <f>SUBSTITUTE(Categorization!AT54,"x",'Categorization (2)'!AT$4)</f>
        <v/>
      </c>
      <c r="AU54" s="103"/>
      <c r="AV54" s="97"/>
    </row>
    <row r="55" spans="1:48" s="2" customFormat="1" ht="13.5" customHeight="1">
      <c r="A55" s="9"/>
      <c r="B55" s="9" t="s">
        <v>24</v>
      </c>
      <c r="C55" s="5">
        <v>51</v>
      </c>
      <c r="D55" s="11">
        <v>30</v>
      </c>
      <c r="E55" s="7">
        <v>724430</v>
      </c>
      <c r="F55" s="6" t="s">
        <v>28</v>
      </c>
      <c r="G55" s="23"/>
      <c r="H55" s="112" t="str">
        <f>SUBSTITUTE(Categorization!H55,"x",'Categorization (2)'!H$4)</f>
        <v/>
      </c>
      <c r="I55" s="112" t="str">
        <f>SUBSTITUTE(Categorization!I55,"x",'Categorization (2)'!I$4)</f>
        <v/>
      </c>
      <c r="J55" s="112" t="str">
        <f>SUBSTITUTE(Categorization!J55,"x",'Categorization (2)'!J$4)</f>
        <v/>
      </c>
      <c r="K55" s="112" t="str">
        <f>SUBSTITUTE(Categorization!K55,"x",'Categorization (2)'!K$4)</f>
        <v/>
      </c>
      <c r="L55" s="112" t="str">
        <f>SUBSTITUTE(Categorization!L55,"x",'Categorization (2)'!L$4)</f>
        <v/>
      </c>
      <c r="M55" s="112" t="str">
        <f>SUBSTITUTE(Categorization!M55,"x",'Categorization (2)'!M$4)</f>
        <v/>
      </c>
      <c r="N55" s="112" t="str">
        <f>SUBSTITUTE(Categorization!N55,"x",'Categorization (2)'!N$4)</f>
        <v/>
      </c>
      <c r="O55" s="112" t="str">
        <f>SUBSTITUTE(Categorization!O55,"x",'Categorization (2)'!O$4)</f>
        <v/>
      </c>
      <c r="P55" s="116" t="str">
        <f>SUBSTITUTE(Categorization!P55,"x",'Categorization (2)'!P$4)</f>
        <v/>
      </c>
      <c r="Q55" s="116" t="str">
        <f>SUBSTITUTE(Categorization!Q55,"x",'Categorization (2)'!Q$4)</f>
        <v/>
      </c>
      <c r="R55" s="120" t="str">
        <f>SUBSTITUTE(Categorization!R55,"x",'Categorization (2)'!R$4)</f>
        <v/>
      </c>
      <c r="S55" s="120" t="str">
        <f>SUBSTITUTE(Categorization!S55,"x",'Categorization (2)'!S$4)</f>
        <v/>
      </c>
      <c r="T55" s="120" t="str">
        <f>SUBSTITUTE(Categorization!T55,"x",'Categorization (2)'!T$4)</f>
        <v/>
      </c>
      <c r="U55" s="120" t="str">
        <f>SUBSTITUTE(Categorization!U55,"x",'Categorization (2)'!U$4)</f>
        <v/>
      </c>
      <c r="V55" s="127" t="str">
        <f>SUBSTITUTE(Categorization!V55,"x",'Categorization (2)'!V$4)</f>
        <v xml:space="preserve">Środki opatrunkowe i higeniczne/ Pieluchy dla dorosłych/ </v>
      </c>
      <c r="W55" s="127" t="str">
        <f>SUBSTITUTE(Categorization!W55,"x",'Categorization (2)'!W$4)</f>
        <v/>
      </c>
      <c r="X55" s="127" t="str">
        <f>SUBSTITUTE(Categorization!X55,"x",'Categorization (2)'!X$4)</f>
        <v/>
      </c>
      <c r="Y55" s="127" t="str">
        <f>SUBSTITUTE(Categorization!Y55,"x",'Categorization (2)'!Y$4)</f>
        <v/>
      </c>
      <c r="Z55" s="127" t="str">
        <f>SUBSTITUTE(Categorization!Z55,"x",'Categorization (2)'!Z$4)</f>
        <v/>
      </c>
      <c r="AA55" s="124" t="str">
        <f>SUBSTITUTE(Categorization!AA55,"x",'Categorization (2)'!AA$4)</f>
        <v/>
      </c>
      <c r="AB55" s="124" t="str">
        <f>SUBSTITUTE(Categorization!AB55,"x",'Categorization (2)'!AB$4)</f>
        <v/>
      </c>
      <c r="AC55" s="124" t="str">
        <f>SUBSTITUTE(Categorization!AC55,"x",'Categorization (2)'!AC$4)</f>
        <v/>
      </c>
      <c r="AD55" s="124" t="str">
        <f>SUBSTITUTE(Categorization!AD55,"x",'Categorization (2)'!AD$4)</f>
        <v/>
      </c>
      <c r="AE55" s="124" t="str">
        <f>SUBSTITUTE(Categorization!AE55,"x",'Categorization (2)'!AE$4)</f>
        <v/>
      </c>
      <c r="AF55" s="108" t="str">
        <f>SUBSTITUTE(Categorization!AF55,"x",'Categorization (2)'!AF$4)</f>
        <v/>
      </c>
      <c r="AG55" s="108" t="str">
        <f>SUBSTITUTE(Categorization!AG55,"x",'Categorization (2)'!AG$4)</f>
        <v xml:space="preserve">Drogi moczowe/ nietrzymanie moczu/ Pieluchomajtki/ </v>
      </c>
      <c r="AH55" s="108" t="str">
        <f>SUBSTITUTE(Categorization!AH55,"x",'Categorization (2)'!AH$4)</f>
        <v xml:space="preserve">Drogi moczowe/ nietrzymanie moczu/ Pieluchy dla dorosłych/ </v>
      </c>
      <c r="AI55" s="108" t="str">
        <f>SUBSTITUTE(Categorization!AI55,"x",'Categorization (2)'!AI$4)</f>
        <v/>
      </c>
      <c r="AJ55" s="108" t="str">
        <f>SUBSTITUTE(Categorization!AJ55,"x",'Categorization (2)'!AJ$4)</f>
        <v/>
      </c>
      <c r="AK55" s="116" t="str">
        <f>SUBSTITUTE(Categorization!AK55,"x",'Categorization (2)'!AK$4)</f>
        <v/>
      </c>
      <c r="AL55" s="129" t="str">
        <f>SUBSTITUTE(Categorization!AL55,"x",'Categorization (2)'!AL$4)</f>
        <v/>
      </c>
      <c r="AM55" s="129" t="str">
        <f>SUBSTITUTE(Categorization!AM55,"x",'Categorization (2)'!AM$4)</f>
        <v/>
      </c>
      <c r="AN55" s="131" t="str">
        <f>SUBSTITUTE(Categorization!AN55,"x",'Categorization (2)'!AN$4)</f>
        <v/>
      </c>
      <c r="AO55" s="131" t="str">
        <f>SUBSTITUTE(Categorization!AO55,"x",'Categorization (2)'!AO$4)</f>
        <v xml:space="preserve">Sklep rehabilitacyjny/ Higiena i pielęgnacja chorych/ </v>
      </c>
      <c r="AP55" s="131" t="str">
        <f>SUBSTITUTE(Categorization!AP55,"x",'Categorization (2)'!AP$4)</f>
        <v xml:space="preserve">Sklep rehabilitacyjny/ Dla pacjenta leżącego/ </v>
      </c>
      <c r="AQ55" s="131" t="str">
        <f>SUBSTITUTE(Categorization!AQ55,"x",'Categorization (2)'!AQ$4)</f>
        <v/>
      </c>
      <c r="AR55" s="131" t="str">
        <f>SUBSTITUTE(Categorization!AR55,"x",'Categorization (2)'!AR$4)</f>
        <v xml:space="preserve">Sklep rehabilitacyjny/ Artykuły medyczne i rehabilitacyjne/ </v>
      </c>
      <c r="AS55" s="131" t="str">
        <f>SUBSTITUTE(Categorization!AS55,"x",'Categorization (2)'!AS$4)</f>
        <v xml:space="preserve">Sklep rehabilitacyjny/ Akcesoria dla osób starszych i niepełnosprawnych/ </v>
      </c>
      <c r="AT55" s="131" t="str">
        <f>SUBSTITUTE(Categorization!AT55,"x",'Categorization (2)'!AT$4)</f>
        <v/>
      </c>
      <c r="AU55" s="103"/>
      <c r="AV55" s="97"/>
    </row>
    <row r="56" spans="1:48" s="2" customFormat="1" ht="13.5" customHeight="1">
      <c r="A56" s="9"/>
      <c r="B56" s="9" t="s">
        <v>268</v>
      </c>
      <c r="C56" s="5">
        <v>52</v>
      </c>
      <c r="D56" s="11">
        <v>24</v>
      </c>
      <c r="E56" s="11">
        <v>710824</v>
      </c>
      <c r="F56" s="6" t="s">
        <v>25</v>
      </c>
      <c r="G56" s="23"/>
      <c r="H56" s="112" t="str">
        <f>SUBSTITUTE(Categorization!H56,"x",'Categorization (2)'!H$4)</f>
        <v/>
      </c>
      <c r="I56" s="112" t="str">
        <f>SUBSTITUTE(Categorization!I56,"x",'Categorization (2)'!I$4)</f>
        <v/>
      </c>
      <c r="J56" s="112" t="str">
        <f>SUBSTITUTE(Categorization!J56,"x",'Categorization (2)'!J$4)</f>
        <v/>
      </c>
      <c r="K56" s="112" t="str">
        <f>SUBSTITUTE(Categorization!K56,"x",'Categorization (2)'!K$4)</f>
        <v/>
      </c>
      <c r="L56" s="112" t="str">
        <f>SUBSTITUTE(Categorization!L56,"x",'Categorization (2)'!L$4)</f>
        <v/>
      </c>
      <c r="M56" s="112" t="str">
        <f>SUBSTITUTE(Categorization!M56,"x",'Categorization (2)'!M$4)</f>
        <v/>
      </c>
      <c r="N56" s="112" t="str">
        <f>SUBSTITUTE(Categorization!N56,"x",'Categorization (2)'!N$4)</f>
        <v/>
      </c>
      <c r="O56" s="112" t="str">
        <f>SUBSTITUTE(Categorization!O56,"x",'Categorization (2)'!O$4)</f>
        <v/>
      </c>
      <c r="P56" s="116" t="str">
        <f>SUBSTITUTE(Categorization!P56,"x",'Categorization (2)'!P$4)</f>
        <v/>
      </c>
      <c r="Q56" s="116" t="str">
        <f>SUBSTITUTE(Categorization!Q56,"x",'Categorization (2)'!Q$4)</f>
        <v/>
      </c>
      <c r="R56" s="120" t="str">
        <f>SUBSTITUTE(Categorization!R56,"x",'Categorization (2)'!R$4)</f>
        <v/>
      </c>
      <c r="S56" s="120" t="str">
        <f>SUBSTITUTE(Categorization!S56,"x",'Categorization (2)'!S$4)</f>
        <v/>
      </c>
      <c r="T56" s="120" t="str">
        <f>SUBSTITUTE(Categorization!T56,"x",'Categorization (2)'!T$4)</f>
        <v/>
      </c>
      <c r="U56" s="120" t="str">
        <f>SUBSTITUTE(Categorization!U56,"x",'Categorization (2)'!U$4)</f>
        <v/>
      </c>
      <c r="V56" s="127" t="str">
        <f>SUBSTITUTE(Categorization!V56,"x",'Categorization (2)'!V$4)</f>
        <v xml:space="preserve">Środki opatrunkowe i higeniczne/ Pieluchy dla dorosłych/ </v>
      </c>
      <c r="W56" s="127" t="str">
        <f>SUBSTITUTE(Categorization!W56,"x",'Categorization (2)'!W$4)</f>
        <v/>
      </c>
      <c r="X56" s="127" t="str">
        <f>SUBSTITUTE(Categorization!X56,"x",'Categorization (2)'!X$4)</f>
        <v/>
      </c>
      <c r="Y56" s="127" t="str">
        <f>SUBSTITUTE(Categorization!Y56,"x",'Categorization (2)'!Y$4)</f>
        <v/>
      </c>
      <c r="Z56" s="127" t="str">
        <f>SUBSTITUTE(Categorization!Z56,"x",'Categorization (2)'!Z$4)</f>
        <v/>
      </c>
      <c r="AA56" s="124" t="str">
        <f>SUBSTITUTE(Categorization!AA56,"x",'Categorization (2)'!AA$4)</f>
        <v/>
      </c>
      <c r="AB56" s="124" t="str">
        <f>SUBSTITUTE(Categorization!AB56,"x",'Categorization (2)'!AB$4)</f>
        <v/>
      </c>
      <c r="AC56" s="124" t="str">
        <f>SUBSTITUTE(Categorization!AC56,"x",'Categorization (2)'!AC$4)</f>
        <v/>
      </c>
      <c r="AD56" s="124" t="str">
        <f>SUBSTITUTE(Categorization!AD56,"x",'Categorization (2)'!AD$4)</f>
        <v/>
      </c>
      <c r="AE56" s="124" t="str">
        <f>SUBSTITUTE(Categorization!AE56,"x",'Categorization (2)'!AE$4)</f>
        <v/>
      </c>
      <c r="AF56" s="108" t="str">
        <f>SUBSTITUTE(Categorization!AF56,"x",'Categorization (2)'!AF$4)</f>
        <v/>
      </c>
      <c r="AG56" s="108" t="str">
        <f>SUBSTITUTE(Categorization!AG56,"x",'Categorization (2)'!AG$4)</f>
        <v xml:space="preserve">Drogi moczowe/ nietrzymanie moczu/ Pieluchomajtki/ </v>
      </c>
      <c r="AH56" s="108" t="str">
        <f>SUBSTITUTE(Categorization!AH56,"x",'Categorization (2)'!AH$4)</f>
        <v xml:space="preserve">Drogi moczowe/ nietrzymanie moczu/ Pieluchy dla dorosłych/ </v>
      </c>
      <c r="AI56" s="108" t="str">
        <f>SUBSTITUTE(Categorization!AI56,"x",'Categorization (2)'!AI$4)</f>
        <v/>
      </c>
      <c r="AJ56" s="108" t="str">
        <f>SUBSTITUTE(Categorization!AJ56,"x",'Categorization (2)'!AJ$4)</f>
        <v/>
      </c>
      <c r="AK56" s="116" t="str">
        <f>SUBSTITUTE(Categorization!AK56,"x",'Categorization (2)'!AK$4)</f>
        <v/>
      </c>
      <c r="AL56" s="129" t="str">
        <f>SUBSTITUTE(Categorization!AL56,"x",'Categorization (2)'!AL$4)</f>
        <v/>
      </c>
      <c r="AM56" s="129" t="str">
        <f>SUBSTITUTE(Categorization!AM56,"x",'Categorization (2)'!AM$4)</f>
        <v/>
      </c>
      <c r="AN56" s="131" t="str">
        <f>SUBSTITUTE(Categorization!AN56,"x",'Categorization (2)'!AN$4)</f>
        <v/>
      </c>
      <c r="AO56" s="131" t="str">
        <f>SUBSTITUTE(Categorization!AO56,"x",'Categorization (2)'!AO$4)</f>
        <v xml:space="preserve">Sklep rehabilitacyjny/ Higiena i pielęgnacja chorych/ </v>
      </c>
      <c r="AP56" s="131" t="str">
        <f>SUBSTITUTE(Categorization!AP56,"x",'Categorization (2)'!AP$4)</f>
        <v xml:space="preserve">Sklep rehabilitacyjny/ Dla pacjenta leżącego/ </v>
      </c>
      <c r="AQ56" s="131" t="str">
        <f>SUBSTITUTE(Categorization!AQ56,"x",'Categorization (2)'!AQ$4)</f>
        <v/>
      </c>
      <c r="AR56" s="131" t="str">
        <f>SUBSTITUTE(Categorization!AR56,"x",'Categorization (2)'!AR$4)</f>
        <v xml:space="preserve">Sklep rehabilitacyjny/ Artykuły medyczne i rehabilitacyjne/ </v>
      </c>
      <c r="AS56" s="131" t="str">
        <f>SUBSTITUTE(Categorization!AS56,"x",'Categorization (2)'!AS$4)</f>
        <v xml:space="preserve">Sklep rehabilitacyjny/ Akcesoria dla osób starszych i niepełnosprawnych/ </v>
      </c>
      <c r="AT56" s="131" t="str">
        <f>SUBSTITUTE(Categorization!AT56,"x",'Categorization (2)'!AT$4)</f>
        <v/>
      </c>
      <c r="AU56" s="103"/>
      <c r="AV56" s="97"/>
    </row>
    <row r="57" spans="1:48" s="2" customFormat="1" ht="13.5" customHeight="1">
      <c r="A57" s="9"/>
      <c r="B57" s="9" t="s">
        <v>268</v>
      </c>
      <c r="C57" s="5">
        <v>53</v>
      </c>
      <c r="D57" s="11">
        <v>10</v>
      </c>
      <c r="E57" s="11">
        <v>710910</v>
      </c>
      <c r="F57" s="6" t="s">
        <v>26</v>
      </c>
      <c r="G57" s="23"/>
      <c r="H57" s="112" t="str">
        <f>SUBSTITUTE(Categorization!H57,"x",'Categorization (2)'!H$4)</f>
        <v/>
      </c>
      <c r="I57" s="112" t="str">
        <f>SUBSTITUTE(Categorization!I57,"x",'Categorization (2)'!I$4)</f>
        <v/>
      </c>
      <c r="J57" s="112" t="str">
        <f>SUBSTITUTE(Categorization!J57,"x",'Categorization (2)'!J$4)</f>
        <v/>
      </c>
      <c r="K57" s="112" t="str">
        <f>SUBSTITUTE(Categorization!K57,"x",'Categorization (2)'!K$4)</f>
        <v/>
      </c>
      <c r="L57" s="112" t="str">
        <f>SUBSTITUTE(Categorization!L57,"x",'Categorization (2)'!L$4)</f>
        <v/>
      </c>
      <c r="M57" s="112" t="str">
        <f>SUBSTITUTE(Categorization!M57,"x",'Categorization (2)'!M$4)</f>
        <v/>
      </c>
      <c r="N57" s="112" t="str">
        <f>SUBSTITUTE(Categorization!N57,"x",'Categorization (2)'!N$4)</f>
        <v/>
      </c>
      <c r="O57" s="112" t="str">
        <f>SUBSTITUTE(Categorization!O57,"x",'Categorization (2)'!O$4)</f>
        <v/>
      </c>
      <c r="P57" s="116" t="str">
        <f>SUBSTITUTE(Categorization!P57,"x",'Categorization (2)'!P$4)</f>
        <v/>
      </c>
      <c r="Q57" s="116" t="str">
        <f>SUBSTITUTE(Categorization!Q57,"x",'Categorization (2)'!Q$4)</f>
        <v/>
      </c>
      <c r="R57" s="120" t="str">
        <f>SUBSTITUTE(Categorization!R57,"x",'Categorization (2)'!R$4)</f>
        <v/>
      </c>
      <c r="S57" s="120" t="str">
        <f>SUBSTITUTE(Categorization!S57,"x",'Categorization (2)'!S$4)</f>
        <v/>
      </c>
      <c r="T57" s="120" t="str">
        <f>SUBSTITUTE(Categorization!T57,"x",'Categorization (2)'!T$4)</f>
        <v/>
      </c>
      <c r="U57" s="120" t="str">
        <f>SUBSTITUTE(Categorization!U57,"x",'Categorization (2)'!U$4)</f>
        <v/>
      </c>
      <c r="V57" s="127" t="str">
        <f>SUBSTITUTE(Categorization!V57,"x",'Categorization (2)'!V$4)</f>
        <v xml:space="preserve">Środki opatrunkowe i higeniczne/ Pieluchy dla dorosłych/ </v>
      </c>
      <c r="W57" s="127" t="str">
        <f>SUBSTITUTE(Categorization!W57,"x",'Categorization (2)'!W$4)</f>
        <v/>
      </c>
      <c r="X57" s="127" t="str">
        <f>SUBSTITUTE(Categorization!X57,"x",'Categorization (2)'!X$4)</f>
        <v/>
      </c>
      <c r="Y57" s="127" t="str">
        <f>SUBSTITUTE(Categorization!Y57,"x",'Categorization (2)'!Y$4)</f>
        <v/>
      </c>
      <c r="Z57" s="127" t="str">
        <f>SUBSTITUTE(Categorization!Z57,"x",'Categorization (2)'!Z$4)</f>
        <v/>
      </c>
      <c r="AA57" s="124" t="str">
        <f>SUBSTITUTE(Categorization!AA57,"x",'Categorization (2)'!AA$4)</f>
        <v/>
      </c>
      <c r="AB57" s="124" t="str">
        <f>SUBSTITUTE(Categorization!AB57,"x",'Categorization (2)'!AB$4)</f>
        <v/>
      </c>
      <c r="AC57" s="124" t="str">
        <f>SUBSTITUTE(Categorization!AC57,"x",'Categorization (2)'!AC$4)</f>
        <v/>
      </c>
      <c r="AD57" s="124" t="str">
        <f>SUBSTITUTE(Categorization!AD57,"x",'Categorization (2)'!AD$4)</f>
        <v/>
      </c>
      <c r="AE57" s="124" t="str">
        <f>SUBSTITUTE(Categorization!AE57,"x",'Categorization (2)'!AE$4)</f>
        <v/>
      </c>
      <c r="AF57" s="108" t="str">
        <f>SUBSTITUTE(Categorization!AF57,"x",'Categorization (2)'!AF$4)</f>
        <v/>
      </c>
      <c r="AG57" s="108" t="str">
        <f>SUBSTITUTE(Categorization!AG57,"x",'Categorization (2)'!AG$4)</f>
        <v xml:space="preserve">Drogi moczowe/ nietrzymanie moczu/ Pieluchomajtki/ </v>
      </c>
      <c r="AH57" s="108" t="str">
        <f>SUBSTITUTE(Categorization!AH57,"x",'Categorization (2)'!AH$4)</f>
        <v xml:space="preserve">Drogi moczowe/ nietrzymanie moczu/ Pieluchy dla dorosłych/ </v>
      </c>
      <c r="AI57" s="108" t="str">
        <f>SUBSTITUTE(Categorization!AI57,"x",'Categorization (2)'!AI$4)</f>
        <v/>
      </c>
      <c r="AJ57" s="108" t="str">
        <f>SUBSTITUTE(Categorization!AJ57,"x",'Categorization (2)'!AJ$4)</f>
        <v/>
      </c>
      <c r="AK57" s="116" t="str">
        <f>SUBSTITUTE(Categorization!AK57,"x",'Categorization (2)'!AK$4)</f>
        <v/>
      </c>
      <c r="AL57" s="129" t="str">
        <f>SUBSTITUTE(Categorization!AL57,"x",'Categorization (2)'!AL$4)</f>
        <v/>
      </c>
      <c r="AM57" s="129" t="str">
        <f>SUBSTITUTE(Categorization!AM57,"x",'Categorization (2)'!AM$4)</f>
        <v/>
      </c>
      <c r="AN57" s="131" t="str">
        <f>SUBSTITUTE(Categorization!AN57,"x",'Categorization (2)'!AN$4)</f>
        <v/>
      </c>
      <c r="AO57" s="131" t="str">
        <f>SUBSTITUTE(Categorization!AO57,"x",'Categorization (2)'!AO$4)</f>
        <v xml:space="preserve">Sklep rehabilitacyjny/ Higiena i pielęgnacja chorych/ </v>
      </c>
      <c r="AP57" s="131" t="str">
        <f>SUBSTITUTE(Categorization!AP57,"x",'Categorization (2)'!AP$4)</f>
        <v xml:space="preserve">Sklep rehabilitacyjny/ Dla pacjenta leżącego/ </v>
      </c>
      <c r="AQ57" s="131" t="str">
        <f>SUBSTITUTE(Categorization!AQ57,"x",'Categorization (2)'!AQ$4)</f>
        <v/>
      </c>
      <c r="AR57" s="131" t="str">
        <f>SUBSTITUTE(Categorization!AR57,"x",'Categorization (2)'!AR$4)</f>
        <v xml:space="preserve">Sklep rehabilitacyjny/ Artykuły medyczne i rehabilitacyjne/ </v>
      </c>
      <c r="AS57" s="131" t="str">
        <f>SUBSTITUTE(Categorization!AS57,"x",'Categorization (2)'!AS$4)</f>
        <v xml:space="preserve">Sklep rehabilitacyjny/ Akcesoria dla osób starszych i niepełnosprawnych/ </v>
      </c>
      <c r="AT57" s="131" t="str">
        <f>SUBSTITUTE(Categorization!AT57,"x",'Categorization (2)'!AT$4)</f>
        <v/>
      </c>
      <c r="AU57" s="103"/>
      <c r="AV57" s="97"/>
    </row>
    <row r="58" spans="1:48" s="2" customFormat="1" ht="13.5" customHeight="1">
      <c r="A58" s="9"/>
      <c r="B58" s="9" t="s">
        <v>268</v>
      </c>
      <c r="C58" s="5">
        <v>54</v>
      </c>
      <c r="D58" s="11">
        <v>10</v>
      </c>
      <c r="E58" s="11">
        <v>711010</v>
      </c>
      <c r="F58" s="6" t="s">
        <v>27</v>
      </c>
      <c r="G58" s="23"/>
      <c r="H58" s="112" t="str">
        <f>SUBSTITUTE(Categorization!H58,"x",'Categorization (2)'!H$4)</f>
        <v/>
      </c>
      <c r="I58" s="112" t="str">
        <f>SUBSTITUTE(Categorization!I58,"x",'Categorization (2)'!I$4)</f>
        <v/>
      </c>
      <c r="J58" s="112" t="str">
        <f>SUBSTITUTE(Categorization!J58,"x",'Categorization (2)'!J$4)</f>
        <v/>
      </c>
      <c r="K58" s="112" t="str">
        <f>SUBSTITUTE(Categorization!K58,"x",'Categorization (2)'!K$4)</f>
        <v/>
      </c>
      <c r="L58" s="112" t="str">
        <f>SUBSTITUTE(Categorization!L58,"x",'Categorization (2)'!L$4)</f>
        <v/>
      </c>
      <c r="M58" s="112" t="str">
        <f>SUBSTITUTE(Categorization!M58,"x",'Categorization (2)'!M$4)</f>
        <v/>
      </c>
      <c r="N58" s="112" t="str">
        <f>SUBSTITUTE(Categorization!N58,"x",'Categorization (2)'!N$4)</f>
        <v/>
      </c>
      <c r="O58" s="112" t="str">
        <f>SUBSTITUTE(Categorization!O58,"x",'Categorization (2)'!O$4)</f>
        <v/>
      </c>
      <c r="P58" s="116" t="str">
        <f>SUBSTITUTE(Categorization!P58,"x",'Categorization (2)'!P$4)</f>
        <v/>
      </c>
      <c r="Q58" s="116" t="str">
        <f>SUBSTITUTE(Categorization!Q58,"x",'Categorization (2)'!Q$4)</f>
        <v/>
      </c>
      <c r="R58" s="120" t="str">
        <f>SUBSTITUTE(Categorization!R58,"x",'Categorization (2)'!R$4)</f>
        <v/>
      </c>
      <c r="S58" s="120" t="str">
        <f>SUBSTITUTE(Categorization!S58,"x",'Categorization (2)'!S$4)</f>
        <v/>
      </c>
      <c r="T58" s="120" t="str">
        <f>SUBSTITUTE(Categorization!T58,"x",'Categorization (2)'!T$4)</f>
        <v/>
      </c>
      <c r="U58" s="120" t="str">
        <f>SUBSTITUTE(Categorization!U58,"x",'Categorization (2)'!U$4)</f>
        <v/>
      </c>
      <c r="V58" s="127" t="str">
        <f>SUBSTITUTE(Categorization!V58,"x",'Categorization (2)'!V$4)</f>
        <v xml:space="preserve">Środki opatrunkowe i higeniczne/ Pieluchy dla dorosłych/ </v>
      </c>
      <c r="W58" s="127" t="str">
        <f>SUBSTITUTE(Categorization!W58,"x",'Categorization (2)'!W$4)</f>
        <v/>
      </c>
      <c r="X58" s="127" t="str">
        <f>SUBSTITUTE(Categorization!X58,"x",'Categorization (2)'!X$4)</f>
        <v/>
      </c>
      <c r="Y58" s="127" t="str">
        <f>SUBSTITUTE(Categorization!Y58,"x",'Categorization (2)'!Y$4)</f>
        <v/>
      </c>
      <c r="Z58" s="127" t="str">
        <f>SUBSTITUTE(Categorization!Z58,"x",'Categorization (2)'!Z$4)</f>
        <v/>
      </c>
      <c r="AA58" s="124" t="str">
        <f>SUBSTITUTE(Categorization!AA58,"x",'Categorization (2)'!AA$4)</f>
        <v/>
      </c>
      <c r="AB58" s="124" t="str">
        <f>SUBSTITUTE(Categorization!AB58,"x",'Categorization (2)'!AB$4)</f>
        <v/>
      </c>
      <c r="AC58" s="124" t="str">
        <f>SUBSTITUTE(Categorization!AC58,"x",'Categorization (2)'!AC$4)</f>
        <v/>
      </c>
      <c r="AD58" s="124" t="str">
        <f>SUBSTITUTE(Categorization!AD58,"x",'Categorization (2)'!AD$4)</f>
        <v/>
      </c>
      <c r="AE58" s="124" t="str">
        <f>SUBSTITUTE(Categorization!AE58,"x",'Categorization (2)'!AE$4)</f>
        <v/>
      </c>
      <c r="AF58" s="108" t="str">
        <f>SUBSTITUTE(Categorization!AF58,"x",'Categorization (2)'!AF$4)</f>
        <v/>
      </c>
      <c r="AG58" s="108" t="str">
        <f>SUBSTITUTE(Categorization!AG58,"x",'Categorization (2)'!AG$4)</f>
        <v xml:space="preserve">Drogi moczowe/ nietrzymanie moczu/ Pieluchomajtki/ </v>
      </c>
      <c r="AH58" s="108" t="str">
        <f>SUBSTITUTE(Categorization!AH58,"x",'Categorization (2)'!AH$4)</f>
        <v xml:space="preserve">Drogi moczowe/ nietrzymanie moczu/ Pieluchy dla dorosłych/ </v>
      </c>
      <c r="AI58" s="108" t="str">
        <f>SUBSTITUTE(Categorization!AI58,"x",'Categorization (2)'!AI$4)</f>
        <v/>
      </c>
      <c r="AJ58" s="108" t="str">
        <f>SUBSTITUTE(Categorization!AJ58,"x",'Categorization (2)'!AJ$4)</f>
        <v/>
      </c>
      <c r="AK58" s="116" t="str">
        <f>SUBSTITUTE(Categorization!AK58,"x",'Categorization (2)'!AK$4)</f>
        <v/>
      </c>
      <c r="AL58" s="129" t="str">
        <f>SUBSTITUTE(Categorization!AL58,"x",'Categorization (2)'!AL$4)</f>
        <v/>
      </c>
      <c r="AM58" s="129" t="str">
        <f>SUBSTITUTE(Categorization!AM58,"x",'Categorization (2)'!AM$4)</f>
        <v/>
      </c>
      <c r="AN58" s="131" t="str">
        <f>SUBSTITUTE(Categorization!AN58,"x",'Categorization (2)'!AN$4)</f>
        <v/>
      </c>
      <c r="AO58" s="131" t="str">
        <f>SUBSTITUTE(Categorization!AO58,"x",'Categorization (2)'!AO$4)</f>
        <v xml:space="preserve">Sklep rehabilitacyjny/ Higiena i pielęgnacja chorych/ </v>
      </c>
      <c r="AP58" s="131" t="str">
        <f>SUBSTITUTE(Categorization!AP58,"x",'Categorization (2)'!AP$4)</f>
        <v xml:space="preserve">Sklep rehabilitacyjny/ Dla pacjenta leżącego/ </v>
      </c>
      <c r="AQ58" s="131" t="str">
        <f>SUBSTITUTE(Categorization!AQ58,"x",'Categorization (2)'!AQ$4)</f>
        <v/>
      </c>
      <c r="AR58" s="131" t="str">
        <f>SUBSTITUTE(Categorization!AR58,"x",'Categorization (2)'!AR$4)</f>
        <v xml:space="preserve">Sklep rehabilitacyjny/ Artykuły medyczne i rehabilitacyjne/ </v>
      </c>
      <c r="AS58" s="131" t="str">
        <f>SUBSTITUTE(Categorization!AS58,"x",'Categorization (2)'!AS$4)</f>
        <v xml:space="preserve">Sklep rehabilitacyjny/ Akcesoria dla osób starszych i niepełnosprawnych/ </v>
      </c>
      <c r="AT58" s="131" t="str">
        <f>SUBSTITUTE(Categorization!AT58,"x",'Categorization (2)'!AT$4)</f>
        <v/>
      </c>
      <c r="AU58" s="103"/>
      <c r="AV58" s="97"/>
    </row>
    <row r="59" spans="1:48" s="2" customFormat="1" ht="13.5" customHeight="1">
      <c r="A59" s="9"/>
      <c r="B59" s="9" t="s">
        <v>248</v>
      </c>
      <c r="C59" s="5">
        <v>55</v>
      </c>
      <c r="D59" s="11">
        <v>22</v>
      </c>
      <c r="E59" s="7">
        <v>725122</v>
      </c>
      <c r="F59" s="6" t="s">
        <v>25</v>
      </c>
      <c r="G59" s="23"/>
      <c r="H59" s="112" t="str">
        <f>SUBSTITUTE(Categorization!H59,"x",'Categorization (2)'!H$4)</f>
        <v/>
      </c>
      <c r="I59" s="112" t="str">
        <f>SUBSTITUTE(Categorization!I59,"x",'Categorization (2)'!I$4)</f>
        <v/>
      </c>
      <c r="J59" s="112" t="str">
        <f>SUBSTITUTE(Categorization!J59,"x",'Categorization (2)'!J$4)</f>
        <v/>
      </c>
      <c r="K59" s="112" t="str">
        <f>SUBSTITUTE(Categorization!K59,"x",'Categorization (2)'!K$4)</f>
        <v/>
      </c>
      <c r="L59" s="112" t="str">
        <f>SUBSTITUTE(Categorization!L59,"x",'Categorization (2)'!L$4)</f>
        <v/>
      </c>
      <c r="M59" s="112" t="str">
        <f>SUBSTITUTE(Categorization!M59,"x",'Categorization (2)'!M$4)</f>
        <v/>
      </c>
      <c r="N59" s="112" t="str">
        <f>SUBSTITUTE(Categorization!N59,"x",'Categorization (2)'!N$4)</f>
        <v/>
      </c>
      <c r="O59" s="112" t="str">
        <f>SUBSTITUTE(Categorization!O59,"x",'Categorization (2)'!O$4)</f>
        <v/>
      </c>
      <c r="P59" s="116" t="str">
        <f>SUBSTITUTE(Categorization!P59,"x",'Categorization (2)'!P$4)</f>
        <v/>
      </c>
      <c r="Q59" s="116" t="str">
        <f>SUBSTITUTE(Categorization!Q59,"x",'Categorization (2)'!Q$4)</f>
        <v/>
      </c>
      <c r="R59" s="120" t="str">
        <f>SUBSTITUTE(Categorization!R59,"x",'Categorization (2)'!R$4)</f>
        <v/>
      </c>
      <c r="S59" s="120" t="str">
        <f>SUBSTITUTE(Categorization!S59,"x",'Categorization (2)'!S$4)</f>
        <v/>
      </c>
      <c r="T59" s="120" t="str">
        <f>SUBSTITUTE(Categorization!T59,"x",'Categorization (2)'!T$4)</f>
        <v/>
      </c>
      <c r="U59" s="120" t="str">
        <f>SUBSTITUTE(Categorization!U59,"x",'Categorization (2)'!U$4)</f>
        <v/>
      </c>
      <c r="V59" s="127" t="str">
        <f>SUBSTITUTE(Categorization!V59,"x",'Categorization (2)'!V$4)</f>
        <v xml:space="preserve">Środki opatrunkowe i higeniczne/ Pieluchy dla dorosłych/ </v>
      </c>
      <c r="W59" s="127" t="str">
        <f>SUBSTITUTE(Categorization!W59,"x",'Categorization (2)'!W$4)</f>
        <v/>
      </c>
      <c r="X59" s="127" t="str">
        <f>SUBSTITUTE(Categorization!X59,"x",'Categorization (2)'!X$4)</f>
        <v/>
      </c>
      <c r="Y59" s="127" t="str">
        <f>SUBSTITUTE(Categorization!Y59,"x",'Categorization (2)'!Y$4)</f>
        <v/>
      </c>
      <c r="Z59" s="127" t="str">
        <f>SUBSTITUTE(Categorization!Z59,"x",'Categorization (2)'!Z$4)</f>
        <v/>
      </c>
      <c r="AA59" s="124" t="str">
        <f>SUBSTITUTE(Categorization!AA59,"x",'Categorization (2)'!AA$4)</f>
        <v/>
      </c>
      <c r="AB59" s="124" t="str">
        <f>SUBSTITUTE(Categorization!AB59,"x",'Categorization (2)'!AB$4)</f>
        <v/>
      </c>
      <c r="AC59" s="124" t="str">
        <f>SUBSTITUTE(Categorization!AC59,"x",'Categorization (2)'!AC$4)</f>
        <v/>
      </c>
      <c r="AD59" s="124" t="str">
        <f>SUBSTITUTE(Categorization!AD59,"x",'Categorization (2)'!AD$4)</f>
        <v/>
      </c>
      <c r="AE59" s="124" t="str">
        <f>SUBSTITUTE(Categorization!AE59,"x",'Categorization (2)'!AE$4)</f>
        <v/>
      </c>
      <c r="AF59" s="108" t="str">
        <f>SUBSTITUTE(Categorization!AF59,"x",'Categorization (2)'!AF$4)</f>
        <v/>
      </c>
      <c r="AG59" s="108" t="str">
        <f>SUBSTITUTE(Categorization!AG59,"x",'Categorization (2)'!AG$4)</f>
        <v xml:space="preserve">Drogi moczowe/ nietrzymanie moczu/ Pieluchomajtki/ </v>
      </c>
      <c r="AH59" s="108" t="str">
        <f>SUBSTITUTE(Categorization!AH59,"x",'Categorization (2)'!AH$4)</f>
        <v xml:space="preserve">Drogi moczowe/ nietrzymanie moczu/ Pieluchy dla dorosłych/ </v>
      </c>
      <c r="AI59" s="108" t="str">
        <f>SUBSTITUTE(Categorization!AI59,"x",'Categorization (2)'!AI$4)</f>
        <v/>
      </c>
      <c r="AJ59" s="108" t="str">
        <f>SUBSTITUTE(Categorization!AJ59,"x",'Categorization (2)'!AJ$4)</f>
        <v/>
      </c>
      <c r="AK59" s="116" t="str">
        <f>SUBSTITUTE(Categorization!AK59,"x",'Categorization (2)'!AK$4)</f>
        <v/>
      </c>
      <c r="AL59" s="129" t="str">
        <f>SUBSTITUTE(Categorization!AL59,"x",'Categorization (2)'!AL$4)</f>
        <v/>
      </c>
      <c r="AM59" s="129" t="str">
        <f>SUBSTITUTE(Categorization!AM59,"x",'Categorization (2)'!AM$4)</f>
        <v/>
      </c>
      <c r="AN59" s="131" t="str">
        <f>SUBSTITUTE(Categorization!AN59,"x",'Categorization (2)'!AN$4)</f>
        <v/>
      </c>
      <c r="AO59" s="131" t="str">
        <f>SUBSTITUTE(Categorization!AO59,"x",'Categorization (2)'!AO$4)</f>
        <v xml:space="preserve">Sklep rehabilitacyjny/ Higiena i pielęgnacja chorych/ </v>
      </c>
      <c r="AP59" s="131" t="str">
        <f>SUBSTITUTE(Categorization!AP59,"x",'Categorization (2)'!AP$4)</f>
        <v xml:space="preserve">Sklep rehabilitacyjny/ Dla pacjenta leżącego/ </v>
      </c>
      <c r="AQ59" s="131" t="str">
        <f>SUBSTITUTE(Categorization!AQ59,"x",'Categorization (2)'!AQ$4)</f>
        <v/>
      </c>
      <c r="AR59" s="131" t="str">
        <f>SUBSTITUTE(Categorization!AR59,"x",'Categorization (2)'!AR$4)</f>
        <v xml:space="preserve">Sklep rehabilitacyjny/ Artykuły medyczne i rehabilitacyjne/ </v>
      </c>
      <c r="AS59" s="131" t="str">
        <f>SUBSTITUTE(Categorization!AS59,"x",'Categorization (2)'!AS$4)</f>
        <v xml:space="preserve">Sklep rehabilitacyjny/ Akcesoria dla osób starszych i niepełnosprawnych/ </v>
      </c>
      <c r="AT59" s="131" t="str">
        <f>SUBSTITUTE(Categorization!AT59,"x",'Categorization (2)'!AT$4)</f>
        <v/>
      </c>
      <c r="AU59" s="103"/>
      <c r="AV59" s="97"/>
    </row>
    <row r="60" spans="1:48" s="2" customFormat="1" ht="13.5" customHeight="1">
      <c r="A60" s="9"/>
      <c r="B60" s="9" t="s">
        <v>248</v>
      </c>
      <c r="C60" s="5">
        <v>56</v>
      </c>
      <c r="D60" s="11">
        <v>22</v>
      </c>
      <c r="E60" s="7">
        <v>725222</v>
      </c>
      <c r="F60" s="6" t="s">
        <v>26</v>
      </c>
      <c r="G60" s="23"/>
      <c r="H60" s="112" t="str">
        <f>SUBSTITUTE(Categorization!H60,"x",'Categorization (2)'!H$4)</f>
        <v/>
      </c>
      <c r="I60" s="112" t="str">
        <f>SUBSTITUTE(Categorization!I60,"x",'Categorization (2)'!I$4)</f>
        <v/>
      </c>
      <c r="J60" s="112" t="str">
        <f>SUBSTITUTE(Categorization!J60,"x",'Categorization (2)'!J$4)</f>
        <v/>
      </c>
      <c r="K60" s="112" t="str">
        <f>SUBSTITUTE(Categorization!K60,"x",'Categorization (2)'!K$4)</f>
        <v/>
      </c>
      <c r="L60" s="112" t="str">
        <f>SUBSTITUTE(Categorization!L60,"x",'Categorization (2)'!L$4)</f>
        <v/>
      </c>
      <c r="M60" s="112" t="str">
        <f>SUBSTITUTE(Categorization!M60,"x",'Categorization (2)'!M$4)</f>
        <v/>
      </c>
      <c r="N60" s="112" t="str">
        <f>SUBSTITUTE(Categorization!N60,"x",'Categorization (2)'!N$4)</f>
        <v/>
      </c>
      <c r="O60" s="112" t="str">
        <f>SUBSTITUTE(Categorization!O60,"x",'Categorization (2)'!O$4)</f>
        <v/>
      </c>
      <c r="P60" s="116" t="str">
        <f>SUBSTITUTE(Categorization!P60,"x",'Categorization (2)'!P$4)</f>
        <v/>
      </c>
      <c r="Q60" s="116" t="str">
        <f>SUBSTITUTE(Categorization!Q60,"x",'Categorization (2)'!Q$4)</f>
        <v/>
      </c>
      <c r="R60" s="120" t="str">
        <f>SUBSTITUTE(Categorization!R60,"x",'Categorization (2)'!R$4)</f>
        <v/>
      </c>
      <c r="S60" s="120" t="str">
        <f>SUBSTITUTE(Categorization!S60,"x",'Categorization (2)'!S$4)</f>
        <v/>
      </c>
      <c r="T60" s="120" t="str">
        <f>SUBSTITUTE(Categorization!T60,"x",'Categorization (2)'!T$4)</f>
        <v/>
      </c>
      <c r="U60" s="120" t="str">
        <f>SUBSTITUTE(Categorization!U60,"x",'Categorization (2)'!U$4)</f>
        <v/>
      </c>
      <c r="V60" s="127" t="str">
        <f>SUBSTITUTE(Categorization!V60,"x",'Categorization (2)'!V$4)</f>
        <v xml:space="preserve">Środki opatrunkowe i higeniczne/ Pieluchy dla dorosłych/ </v>
      </c>
      <c r="W60" s="127" t="str">
        <f>SUBSTITUTE(Categorization!W60,"x",'Categorization (2)'!W$4)</f>
        <v/>
      </c>
      <c r="X60" s="127" t="str">
        <f>SUBSTITUTE(Categorization!X60,"x",'Categorization (2)'!X$4)</f>
        <v/>
      </c>
      <c r="Y60" s="127" t="str">
        <f>SUBSTITUTE(Categorization!Y60,"x",'Categorization (2)'!Y$4)</f>
        <v/>
      </c>
      <c r="Z60" s="127" t="str">
        <f>SUBSTITUTE(Categorization!Z60,"x",'Categorization (2)'!Z$4)</f>
        <v/>
      </c>
      <c r="AA60" s="124" t="str">
        <f>SUBSTITUTE(Categorization!AA60,"x",'Categorization (2)'!AA$4)</f>
        <v/>
      </c>
      <c r="AB60" s="124" t="str">
        <f>SUBSTITUTE(Categorization!AB60,"x",'Categorization (2)'!AB$4)</f>
        <v/>
      </c>
      <c r="AC60" s="124" t="str">
        <f>SUBSTITUTE(Categorization!AC60,"x",'Categorization (2)'!AC$4)</f>
        <v/>
      </c>
      <c r="AD60" s="124" t="str">
        <f>SUBSTITUTE(Categorization!AD60,"x",'Categorization (2)'!AD$4)</f>
        <v/>
      </c>
      <c r="AE60" s="124" t="str">
        <f>SUBSTITUTE(Categorization!AE60,"x",'Categorization (2)'!AE$4)</f>
        <v/>
      </c>
      <c r="AF60" s="108" t="str">
        <f>SUBSTITUTE(Categorization!AF60,"x",'Categorization (2)'!AF$4)</f>
        <v/>
      </c>
      <c r="AG60" s="108" t="str">
        <f>SUBSTITUTE(Categorization!AG60,"x",'Categorization (2)'!AG$4)</f>
        <v xml:space="preserve">Drogi moczowe/ nietrzymanie moczu/ Pieluchomajtki/ </v>
      </c>
      <c r="AH60" s="108" t="str">
        <f>SUBSTITUTE(Categorization!AH60,"x",'Categorization (2)'!AH$4)</f>
        <v xml:space="preserve">Drogi moczowe/ nietrzymanie moczu/ Pieluchy dla dorosłych/ </v>
      </c>
      <c r="AI60" s="108" t="str">
        <f>SUBSTITUTE(Categorization!AI60,"x",'Categorization (2)'!AI$4)</f>
        <v/>
      </c>
      <c r="AJ60" s="108" t="str">
        <f>SUBSTITUTE(Categorization!AJ60,"x",'Categorization (2)'!AJ$4)</f>
        <v/>
      </c>
      <c r="AK60" s="116" t="str">
        <f>SUBSTITUTE(Categorization!AK60,"x",'Categorization (2)'!AK$4)</f>
        <v/>
      </c>
      <c r="AL60" s="129" t="str">
        <f>SUBSTITUTE(Categorization!AL60,"x",'Categorization (2)'!AL$4)</f>
        <v/>
      </c>
      <c r="AM60" s="129" t="str">
        <f>SUBSTITUTE(Categorization!AM60,"x",'Categorization (2)'!AM$4)</f>
        <v/>
      </c>
      <c r="AN60" s="131" t="str">
        <f>SUBSTITUTE(Categorization!AN60,"x",'Categorization (2)'!AN$4)</f>
        <v/>
      </c>
      <c r="AO60" s="131" t="str">
        <f>SUBSTITUTE(Categorization!AO60,"x",'Categorization (2)'!AO$4)</f>
        <v xml:space="preserve">Sklep rehabilitacyjny/ Higiena i pielęgnacja chorych/ </v>
      </c>
      <c r="AP60" s="131" t="str">
        <f>SUBSTITUTE(Categorization!AP60,"x",'Categorization (2)'!AP$4)</f>
        <v xml:space="preserve">Sklep rehabilitacyjny/ Dla pacjenta leżącego/ </v>
      </c>
      <c r="AQ60" s="131" t="str">
        <f>SUBSTITUTE(Categorization!AQ60,"x",'Categorization (2)'!AQ$4)</f>
        <v/>
      </c>
      <c r="AR60" s="131" t="str">
        <f>SUBSTITUTE(Categorization!AR60,"x",'Categorization (2)'!AR$4)</f>
        <v xml:space="preserve">Sklep rehabilitacyjny/ Artykuły medyczne i rehabilitacyjne/ </v>
      </c>
      <c r="AS60" s="131" t="str">
        <f>SUBSTITUTE(Categorization!AS60,"x",'Categorization (2)'!AS$4)</f>
        <v xml:space="preserve">Sklep rehabilitacyjny/ Akcesoria dla osób starszych i niepełnosprawnych/ </v>
      </c>
      <c r="AT60" s="131" t="str">
        <f>SUBSTITUTE(Categorization!AT60,"x",'Categorization (2)'!AT$4)</f>
        <v/>
      </c>
      <c r="AU60" s="103"/>
      <c r="AV60" s="97"/>
    </row>
    <row r="61" spans="1:48" s="2" customFormat="1" ht="13.5" customHeight="1">
      <c r="A61" s="9"/>
      <c r="B61" s="9" t="s">
        <v>248</v>
      </c>
      <c r="C61" s="5">
        <v>57</v>
      </c>
      <c r="D61" s="11">
        <v>22</v>
      </c>
      <c r="E61" s="7">
        <v>725322</v>
      </c>
      <c r="F61" s="6" t="s">
        <v>27</v>
      </c>
      <c r="G61" s="23"/>
      <c r="H61" s="112" t="str">
        <f>SUBSTITUTE(Categorization!H61,"x",'Categorization (2)'!H$4)</f>
        <v/>
      </c>
      <c r="I61" s="112" t="str">
        <f>SUBSTITUTE(Categorization!I61,"x",'Categorization (2)'!I$4)</f>
        <v/>
      </c>
      <c r="J61" s="112" t="str">
        <f>SUBSTITUTE(Categorization!J61,"x",'Categorization (2)'!J$4)</f>
        <v/>
      </c>
      <c r="K61" s="112" t="str">
        <f>SUBSTITUTE(Categorization!K61,"x",'Categorization (2)'!K$4)</f>
        <v/>
      </c>
      <c r="L61" s="112" t="str">
        <f>SUBSTITUTE(Categorization!L61,"x",'Categorization (2)'!L$4)</f>
        <v/>
      </c>
      <c r="M61" s="112" t="str">
        <f>SUBSTITUTE(Categorization!M61,"x",'Categorization (2)'!M$4)</f>
        <v/>
      </c>
      <c r="N61" s="112" t="str">
        <f>SUBSTITUTE(Categorization!N61,"x",'Categorization (2)'!N$4)</f>
        <v/>
      </c>
      <c r="O61" s="112" t="str">
        <f>SUBSTITUTE(Categorization!O61,"x",'Categorization (2)'!O$4)</f>
        <v/>
      </c>
      <c r="P61" s="116" t="str">
        <f>SUBSTITUTE(Categorization!P61,"x",'Categorization (2)'!P$4)</f>
        <v/>
      </c>
      <c r="Q61" s="116" t="str">
        <f>SUBSTITUTE(Categorization!Q61,"x",'Categorization (2)'!Q$4)</f>
        <v/>
      </c>
      <c r="R61" s="120" t="str">
        <f>SUBSTITUTE(Categorization!R61,"x",'Categorization (2)'!R$4)</f>
        <v/>
      </c>
      <c r="S61" s="120" t="str">
        <f>SUBSTITUTE(Categorization!S61,"x",'Categorization (2)'!S$4)</f>
        <v/>
      </c>
      <c r="T61" s="120" t="str">
        <f>SUBSTITUTE(Categorization!T61,"x",'Categorization (2)'!T$4)</f>
        <v/>
      </c>
      <c r="U61" s="120" t="str">
        <f>SUBSTITUTE(Categorization!U61,"x",'Categorization (2)'!U$4)</f>
        <v/>
      </c>
      <c r="V61" s="127" t="str">
        <f>SUBSTITUTE(Categorization!V61,"x",'Categorization (2)'!V$4)</f>
        <v xml:space="preserve">Środki opatrunkowe i higeniczne/ Pieluchy dla dorosłych/ </v>
      </c>
      <c r="W61" s="127" t="str">
        <f>SUBSTITUTE(Categorization!W61,"x",'Categorization (2)'!W$4)</f>
        <v/>
      </c>
      <c r="X61" s="127" t="str">
        <f>SUBSTITUTE(Categorization!X61,"x",'Categorization (2)'!X$4)</f>
        <v/>
      </c>
      <c r="Y61" s="127" t="str">
        <f>SUBSTITUTE(Categorization!Y61,"x",'Categorization (2)'!Y$4)</f>
        <v/>
      </c>
      <c r="Z61" s="127" t="str">
        <f>SUBSTITUTE(Categorization!Z61,"x",'Categorization (2)'!Z$4)</f>
        <v/>
      </c>
      <c r="AA61" s="124" t="str">
        <f>SUBSTITUTE(Categorization!AA61,"x",'Categorization (2)'!AA$4)</f>
        <v/>
      </c>
      <c r="AB61" s="124" t="str">
        <f>SUBSTITUTE(Categorization!AB61,"x",'Categorization (2)'!AB$4)</f>
        <v/>
      </c>
      <c r="AC61" s="124" t="str">
        <f>SUBSTITUTE(Categorization!AC61,"x",'Categorization (2)'!AC$4)</f>
        <v/>
      </c>
      <c r="AD61" s="124" t="str">
        <f>SUBSTITUTE(Categorization!AD61,"x",'Categorization (2)'!AD$4)</f>
        <v/>
      </c>
      <c r="AE61" s="124" t="str">
        <f>SUBSTITUTE(Categorization!AE61,"x",'Categorization (2)'!AE$4)</f>
        <v/>
      </c>
      <c r="AF61" s="108" t="str">
        <f>SUBSTITUTE(Categorization!AF61,"x",'Categorization (2)'!AF$4)</f>
        <v/>
      </c>
      <c r="AG61" s="108" t="str">
        <f>SUBSTITUTE(Categorization!AG61,"x",'Categorization (2)'!AG$4)</f>
        <v xml:space="preserve">Drogi moczowe/ nietrzymanie moczu/ Pieluchomajtki/ </v>
      </c>
      <c r="AH61" s="108" t="str">
        <f>SUBSTITUTE(Categorization!AH61,"x",'Categorization (2)'!AH$4)</f>
        <v xml:space="preserve">Drogi moczowe/ nietrzymanie moczu/ Pieluchy dla dorosłych/ </v>
      </c>
      <c r="AI61" s="108" t="str">
        <f>SUBSTITUTE(Categorization!AI61,"x",'Categorization (2)'!AI$4)</f>
        <v/>
      </c>
      <c r="AJ61" s="108" t="str">
        <f>SUBSTITUTE(Categorization!AJ61,"x",'Categorization (2)'!AJ$4)</f>
        <v/>
      </c>
      <c r="AK61" s="116" t="str">
        <f>SUBSTITUTE(Categorization!AK61,"x",'Categorization (2)'!AK$4)</f>
        <v/>
      </c>
      <c r="AL61" s="129" t="str">
        <f>SUBSTITUTE(Categorization!AL61,"x",'Categorization (2)'!AL$4)</f>
        <v/>
      </c>
      <c r="AM61" s="129" t="str">
        <f>SUBSTITUTE(Categorization!AM61,"x",'Categorization (2)'!AM$4)</f>
        <v/>
      </c>
      <c r="AN61" s="131" t="str">
        <f>SUBSTITUTE(Categorization!AN61,"x",'Categorization (2)'!AN$4)</f>
        <v/>
      </c>
      <c r="AO61" s="131" t="str">
        <f>SUBSTITUTE(Categorization!AO61,"x",'Categorization (2)'!AO$4)</f>
        <v xml:space="preserve">Sklep rehabilitacyjny/ Higiena i pielęgnacja chorych/ </v>
      </c>
      <c r="AP61" s="131" t="str">
        <f>SUBSTITUTE(Categorization!AP61,"x",'Categorization (2)'!AP$4)</f>
        <v xml:space="preserve">Sklep rehabilitacyjny/ Dla pacjenta leżącego/ </v>
      </c>
      <c r="AQ61" s="131" t="str">
        <f>SUBSTITUTE(Categorization!AQ61,"x",'Categorization (2)'!AQ$4)</f>
        <v/>
      </c>
      <c r="AR61" s="131" t="str">
        <f>SUBSTITUTE(Categorization!AR61,"x",'Categorization (2)'!AR$4)</f>
        <v xml:space="preserve">Sklep rehabilitacyjny/ Artykuły medyczne i rehabilitacyjne/ </v>
      </c>
      <c r="AS61" s="131" t="str">
        <f>SUBSTITUTE(Categorization!AS61,"x",'Categorization (2)'!AS$4)</f>
        <v xml:space="preserve">Sklep rehabilitacyjny/ Akcesoria dla osób starszych i niepełnosprawnych/ </v>
      </c>
      <c r="AT61" s="131" t="str">
        <f>SUBSTITUTE(Categorization!AT61,"x",'Categorization (2)'!AT$4)</f>
        <v/>
      </c>
      <c r="AU61" s="103"/>
      <c r="AV61" s="97"/>
    </row>
    <row r="62" spans="1:48" s="2" customFormat="1" ht="13.5" customHeight="1">
      <c r="A62" s="9"/>
      <c r="B62" s="9" t="s">
        <v>248</v>
      </c>
      <c r="C62" s="5">
        <v>58</v>
      </c>
      <c r="D62" s="11">
        <v>21</v>
      </c>
      <c r="E62" s="7">
        <v>725421</v>
      </c>
      <c r="F62" s="6" t="s">
        <v>28</v>
      </c>
      <c r="G62" s="23"/>
      <c r="H62" s="112" t="str">
        <f>SUBSTITUTE(Categorization!H62,"x",'Categorization (2)'!H$4)</f>
        <v/>
      </c>
      <c r="I62" s="112" t="str">
        <f>SUBSTITUTE(Categorization!I62,"x",'Categorization (2)'!I$4)</f>
        <v/>
      </c>
      <c r="J62" s="112" t="str">
        <f>SUBSTITUTE(Categorization!J62,"x",'Categorization (2)'!J$4)</f>
        <v/>
      </c>
      <c r="K62" s="112" t="str">
        <f>SUBSTITUTE(Categorization!K62,"x",'Categorization (2)'!K$4)</f>
        <v/>
      </c>
      <c r="L62" s="112" t="str">
        <f>SUBSTITUTE(Categorization!L62,"x",'Categorization (2)'!L$4)</f>
        <v/>
      </c>
      <c r="M62" s="112" t="str">
        <f>SUBSTITUTE(Categorization!M62,"x",'Categorization (2)'!M$4)</f>
        <v/>
      </c>
      <c r="N62" s="112" t="str">
        <f>SUBSTITUTE(Categorization!N62,"x",'Categorization (2)'!N$4)</f>
        <v/>
      </c>
      <c r="O62" s="112" t="str">
        <f>SUBSTITUTE(Categorization!O62,"x",'Categorization (2)'!O$4)</f>
        <v/>
      </c>
      <c r="P62" s="116" t="str">
        <f>SUBSTITUTE(Categorization!P62,"x",'Categorization (2)'!P$4)</f>
        <v/>
      </c>
      <c r="Q62" s="116" t="str">
        <f>SUBSTITUTE(Categorization!Q62,"x",'Categorization (2)'!Q$4)</f>
        <v/>
      </c>
      <c r="R62" s="120" t="str">
        <f>SUBSTITUTE(Categorization!R62,"x",'Categorization (2)'!R$4)</f>
        <v/>
      </c>
      <c r="S62" s="120" t="str">
        <f>SUBSTITUTE(Categorization!S62,"x",'Categorization (2)'!S$4)</f>
        <v/>
      </c>
      <c r="T62" s="120" t="str">
        <f>SUBSTITUTE(Categorization!T62,"x",'Categorization (2)'!T$4)</f>
        <v/>
      </c>
      <c r="U62" s="120" t="str">
        <f>SUBSTITUTE(Categorization!U62,"x",'Categorization (2)'!U$4)</f>
        <v/>
      </c>
      <c r="V62" s="127" t="str">
        <f>SUBSTITUTE(Categorization!V62,"x",'Categorization (2)'!V$4)</f>
        <v xml:space="preserve">Środki opatrunkowe i higeniczne/ Pieluchy dla dorosłych/ </v>
      </c>
      <c r="W62" s="127" t="str">
        <f>SUBSTITUTE(Categorization!W62,"x",'Categorization (2)'!W$4)</f>
        <v/>
      </c>
      <c r="X62" s="127" t="str">
        <f>SUBSTITUTE(Categorization!X62,"x",'Categorization (2)'!X$4)</f>
        <v/>
      </c>
      <c r="Y62" s="127" t="str">
        <f>SUBSTITUTE(Categorization!Y62,"x",'Categorization (2)'!Y$4)</f>
        <v/>
      </c>
      <c r="Z62" s="127" t="str">
        <f>SUBSTITUTE(Categorization!Z62,"x",'Categorization (2)'!Z$4)</f>
        <v/>
      </c>
      <c r="AA62" s="124" t="str">
        <f>SUBSTITUTE(Categorization!AA62,"x",'Categorization (2)'!AA$4)</f>
        <v/>
      </c>
      <c r="AB62" s="124" t="str">
        <f>SUBSTITUTE(Categorization!AB62,"x",'Categorization (2)'!AB$4)</f>
        <v/>
      </c>
      <c r="AC62" s="124" t="str">
        <f>SUBSTITUTE(Categorization!AC62,"x",'Categorization (2)'!AC$4)</f>
        <v/>
      </c>
      <c r="AD62" s="124" t="str">
        <f>SUBSTITUTE(Categorization!AD62,"x",'Categorization (2)'!AD$4)</f>
        <v/>
      </c>
      <c r="AE62" s="124" t="str">
        <f>SUBSTITUTE(Categorization!AE62,"x",'Categorization (2)'!AE$4)</f>
        <v/>
      </c>
      <c r="AF62" s="108" t="str">
        <f>SUBSTITUTE(Categorization!AF62,"x",'Categorization (2)'!AF$4)</f>
        <v/>
      </c>
      <c r="AG62" s="108" t="str">
        <f>SUBSTITUTE(Categorization!AG62,"x",'Categorization (2)'!AG$4)</f>
        <v xml:space="preserve">Drogi moczowe/ nietrzymanie moczu/ Pieluchomajtki/ </v>
      </c>
      <c r="AH62" s="108" t="str">
        <f>SUBSTITUTE(Categorization!AH62,"x",'Categorization (2)'!AH$4)</f>
        <v xml:space="preserve">Drogi moczowe/ nietrzymanie moczu/ Pieluchy dla dorosłych/ </v>
      </c>
      <c r="AI62" s="108" t="str">
        <f>SUBSTITUTE(Categorization!AI62,"x",'Categorization (2)'!AI$4)</f>
        <v/>
      </c>
      <c r="AJ62" s="108" t="str">
        <f>SUBSTITUTE(Categorization!AJ62,"x",'Categorization (2)'!AJ$4)</f>
        <v/>
      </c>
      <c r="AK62" s="116" t="str">
        <f>SUBSTITUTE(Categorization!AK62,"x",'Categorization (2)'!AK$4)</f>
        <v/>
      </c>
      <c r="AL62" s="129" t="str">
        <f>SUBSTITUTE(Categorization!AL62,"x",'Categorization (2)'!AL$4)</f>
        <v/>
      </c>
      <c r="AM62" s="129" t="str">
        <f>SUBSTITUTE(Categorization!AM62,"x",'Categorization (2)'!AM$4)</f>
        <v/>
      </c>
      <c r="AN62" s="131" t="str">
        <f>SUBSTITUTE(Categorization!AN62,"x",'Categorization (2)'!AN$4)</f>
        <v/>
      </c>
      <c r="AO62" s="131" t="str">
        <f>SUBSTITUTE(Categorization!AO62,"x",'Categorization (2)'!AO$4)</f>
        <v xml:space="preserve">Sklep rehabilitacyjny/ Higiena i pielęgnacja chorych/ </v>
      </c>
      <c r="AP62" s="131" t="str">
        <f>SUBSTITUTE(Categorization!AP62,"x",'Categorization (2)'!AP$4)</f>
        <v xml:space="preserve">Sklep rehabilitacyjny/ Dla pacjenta leżącego/ </v>
      </c>
      <c r="AQ62" s="131" t="str">
        <f>SUBSTITUTE(Categorization!AQ62,"x",'Categorization (2)'!AQ$4)</f>
        <v/>
      </c>
      <c r="AR62" s="131" t="str">
        <f>SUBSTITUTE(Categorization!AR62,"x",'Categorization (2)'!AR$4)</f>
        <v xml:space="preserve">Sklep rehabilitacyjny/ Artykuły medyczne i rehabilitacyjne/ </v>
      </c>
      <c r="AS62" s="131" t="str">
        <f>SUBSTITUTE(Categorization!AS62,"x",'Categorization (2)'!AS$4)</f>
        <v xml:space="preserve">Sklep rehabilitacyjny/ Akcesoria dla osób starszych i niepełnosprawnych/ </v>
      </c>
      <c r="AT62" s="131" t="str">
        <f>SUBSTITUTE(Categorization!AT62,"x",'Categorization (2)'!AT$4)</f>
        <v/>
      </c>
      <c r="AU62" s="103"/>
      <c r="AV62" s="97"/>
    </row>
    <row r="63" spans="1:48" s="2" customFormat="1" ht="13.5" customHeight="1">
      <c r="A63" s="9"/>
      <c r="B63" s="9" t="s">
        <v>269</v>
      </c>
      <c r="C63" s="5">
        <v>59</v>
      </c>
      <c r="D63" s="11">
        <v>46</v>
      </c>
      <c r="E63" s="11">
        <v>752846</v>
      </c>
      <c r="F63" s="6" t="s">
        <v>5</v>
      </c>
      <c r="G63" s="23"/>
      <c r="H63" s="112" t="str">
        <f>SUBSTITUTE(Categorization!H63,"x",'Categorization (2)'!H$4)</f>
        <v/>
      </c>
      <c r="I63" s="112" t="str">
        <f>SUBSTITUTE(Categorization!I63,"x",'Categorization (2)'!I$4)</f>
        <v/>
      </c>
      <c r="J63" s="112" t="str">
        <f>SUBSTITUTE(Categorization!J63,"x",'Categorization (2)'!J$4)</f>
        <v/>
      </c>
      <c r="K63" s="112" t="str">
        <f>SUBSTITUTE(Categorization!K63,"x",'Categorization (2)'!K$4)</f>
        <v/>
      </c>
      <c r="L63" s="112" t="str">
        <f>SUBSTITUTE(Categorization!L63,"x",'Categorization (2)'!L$4)</f>
        <v/>
      </c>
      <c r="M63" s="112" t="str">
        <f>SUBSTITUTE(Categorization!M63,"x",'Categorization (2)'!M$4)</f>
        <v/>
      </c>
      <c r="N63" s="112" t="str">
        <f>SUBSTITUTE(Categorization!N63,"x",'Categorization (2)'!N$4)</f>
        <v/>
      </c>
      <c r="O63" s="112" t="str">
        <f>SUBSTITUTE(Categorization!O63,"x",'Categorization (2)'!O$4)</f>
        <v/>
      </c>
      <c r="P63" s="116" t="str">
        <f>SUBSTITUTE(Categorization!P63,"x",'Categorization (2)'!P$4)</f>
        <v/>
      </c>
      <c r="Q63" s="116" t="str">
        <f>SUBSTITUTE(Categorization!Q63,"x",'Categorization (2)'!Q$4)</f>
        <v/>
      </c>
      <c r="R63" s="120" t="str">
        <f>SUBSTITUTE(Categorization!R63,"x",'Categorization (2)'!R$4)</f>
        <v/>
      </c>
      <c r="S63" s="120" t="str">
        <f>SUBSTITUTE(Categorization!S63,"x",'Categorization (2)'!S$4)</f>
        <v/>
      </c>
      <c r="T63" s="120" t="str">
        <f>SUBSTITUTE(Categorization!T63,"x",'Categorization (2)'!T$4)</f>
        <v/>
      </c>
      <c r="U63" s="120" t="str">
        <f>SUBSTITUTE(Categorization!U63,"x",'Categorization (2)'!U$4)</f>
        <v/>
      </c>
      <c r="V63" s="127" t="str">
        <f>SUBSTITUTE(Categorization!V63,"x",'Categorization (2)'!V$4)</f>
        <v xml:space="preserve">Środki opatrunkowe i higeniczne/ Pieluchy dla dorosłych/ </v>
      </c>
      <c r="W63" s="127" t="str">
        <f>SUBSTITUTE(Categorization!W63,"x",'Categorization (2)'!W$4)</f>
        <v/>
      </c>
      <c r="X63" s="127" t="str">
        <f>SUBSTITUTE(Categorization!X63,"x",'Categorization (2)'!X$4)</f>
        <v/>
      </c>
      <c r="Y63" s="127" t="str">
        <f>SUBSTITUTE(Categorization!Y63,"x",'Categorization (2)'!Y$4)</f>
        <v/>
      </c>
      <c r="Z63" s="127" t="str">
        <f>SUBSTITUTE(Categorization!Z63,"x",'Categorization (2)'!Z$4)</f>
        <v/>
      </c>
      <c r="AA63" s="124" t="str">
        <f>SUBSTITUTE(Categorization!AA63,"x",'Categorization (2)'!AA$4)</f>
        <v xml:space="preserve">Ciąża i dziecko/ Mama i dziecko/ Wyprawka do szpitala/ </v>
      </c>
      <c r="AB63" s="124" t="str">
        <f>SUBSTITUTE(Categorization!AB63,"x",'Categorization (2)'!AB$4)</f>
        <v/>
      </c>
      <c r="AC63" s="124" t="str">
        <f>SUBSTITUTE(Categorization!AC63,"x",'Categorization (2)'!AC$4)</f>
        <v xml:space="preserve">Ciąża i dziecko/ Mama i dziecko/ Majtki i wkładki poporodowe/ </v>
      </c>
      <c r="AD63" s="124" t="str">
        <f>SUBSTITUTE(Categorization!AD63,"x",'Categorization (2)'!AD$4)</f>
        <v/>
      </c>
      <c r="AE63" s="124" t="str">
        <f>SUBSTITUTE(Categorization!AE63,"x",'Categorization (2)'!AE$4)</f>
        <v/>
      </c>
      <c r="AF63" s="108" t="str">
        <f>SUBSTITUTE(Categorization!AF63,"x",'Categorization (2)'!AF$4)</f>
        <v/>
      </c>
      <c r="AG63" s="108" t="str">
        <f>SUBSTITUTE(Categorization!AG63,"x",'Categorization (2)'!AG$4)</f>
        <v/>
      </c>
      <c r="AH63" s="108" t="str">
        <f>SUBSTITUTE(Categorization!AH63,"x",'Categorization (2)'!AH$4)</f>
        <v xml:space="preserve">Drogi moczowe/ nietrzymanie moczu/ Pieluchy dla dorosłych/ </v>
      </c>
      <c r="AI63" s="108" t="str">
        <f>SUBSTITUTE(Categorization!AI63,"x",'Categorization (2)'!AI$4)</f>
        <v/>
      </c>
      <c r="AJ63" s="108" t="str">
        <f>SUBSTITUTE(Categorization!AJ63,"x",'Categorization (2)'!AJ$4)</f>
        <v/>
      </c>
      <c r="AK63" s="116" t="str">
        <f>SUBSTITUTE(Categorization!AK63,"x",'Categorization (2)'!AK$4)</f>
        <v/>
      </c>
      <c r="AL63" s="129" t="str">
        <f>SUBSTITUTE(Categorization!AL63,"x",'Categorization (2)'!AL$4)</f>
        <v/>
      </c>
      <c r="AM63" s="129" t="str">
        <f>SUBSTITUTE(Categorization!AM63,"x",'Categorization (2)'!AM$4)</f>
        <v/>
      </c>
      <c r="AN63" s="131" t="str">
        <f>SUBSTITUTE(Categorization!AN63,"x",'Categorization (2)'!AN$4)</f>
        <v/>
      </c>
      <c r="AO63" s="131" t="str">
        <f>SUBSTITUTE(Categorization!AO63,"x",'Categorization (2)'!AO$4)</f>
        <v/>
      </c>
      <c r="AP63" s="131" t="str">
        <f>SUBSTITUTE(Categorization!AP63,"x",'Categorization (2)'!AP$4)</f>
        <v xml:space="preserve">Sklep rehabilitacyjny/ Dla pacjenta leżącego/ </v>
      </c>
      <c r="AQ63" s="131" t="str">
        <f>SUBSTITUTE(Categorization!AQ63,"x",'Categorization (2)'!AQ$4)</f>
        <v/>
      </c>
      <c r="AR63" s="131" t="str">
        <f>SUBSTITUTE(Categorization!AR63,"x",'Categorization (2)'!AR$4)</f>
        <v/>
      </c>
      <c r="AS63" s="131" t="str">
        <f>SUBSTITUTE(Categorization!AS63,"x",'Categorization (2)'!AS$4)</f>
        <v xml:space="preserve">Sklep rehabilitacyjny/ Akcesoria dla osób starszych i niepełnosprawnych/ </v>
      </c>
      <c r="AT63" s="131" t="str">
        <f>SUBSTITUTE(Categorization!AT63,"x",'Categorization (2)'!AT$4)</f>
        <v/>
      </c>
      <c r="AU63" s="103"/>
      <c r="AV63" s="97"/>
    </row>
    <row r="64" spans="1:48" s="2" customFormat="1" ht="13.5" customHeight="1">
      <c r="A64" s="9"/>
      <c r="B64" s="9" t="s">
        <v>269</v>
      </c>
      <c r="C64" s="5">
        <v>60</v>
      </c>
      <c r="D64" s="11">
        <v>40</v>
      </c>
      <c r="E64" s="11">
        <v>753040</v>
      </c>
      <c r="F64" s="6" t="s">
        <v>6</v>
      </c>
      <c r="G64" s="23"/>
      <c r="H64" s="112" t="str">
        <f>SUBSTITUTE(Categorization!H64,"x",'Categorization (2)'!H$4)</f>
        <v/>
      </c>
      <c r="I64" s="112" t="str">
        <f>SUBSTITUTE(Categorization!I64,"x",'Categorization (2)'!I$4)</f>
        <v/>
      </c>
      <c r="J64" s="112" t="str">
        <f>SUBSTITUTE(Categorization!J64,"x",'Categorization (2)'!J$4)</f>
        <v/>
      </c>
      <c r="K64" s="112" t="str">
        <f>SUBSTITUTE(Categorization!K64,"x",'Categorization (2)'!K$4)</f>
        <v/>
      </c>
      <c r="L64" s="112" t="str">
        <f>SUBSTITUTE(Categorization!L64,"x",'Categorization (2)'!L$4)</f>
        <v/>
      </c>
      <c r="M64" s="112" t="str">
        <f>SUBSTITUTE(Categorization!M64,"x",'Categorization (2)'!M$4)</f>
        <v/>
      </c>
      <c r="N64" s="112" t="str">
        <f>SUBSTITUTE(Categorization!N64,"x",'Categorization (2)'!N$4)</f>
        <v/>
      </c>
      <c r="O64" s="112" t="str">
        <f>SUBSTITUTE(Categorization!O64,"x",'Categorization (2)'!O$4)</f>
        <v/>
      </c>
      <c r="P64" s="116" t="str">
        <f>SUBSTITUTE(Categorization!P64,"x",'Categorization (2)'!P$4)</f>
        <v/>
      </c>
      <c r="Q64" s="116" t="str">
        <f>SUBSTITUTE(Categorization!Q64,"x",'Categorization (2)'!Q$4)</f>
        <v/>
      </c>
      <c r="R64" s="120" t="str">
        <f>SUBSTITUTE(Categorization!R64,"x",'Categorization (2)'!R$4)</f>
        <v/>
      </c>
      <c r="S64" s="120" t="str">
        <f>SUBSTITUTE(Categorization!S64,"x",'Categorization (2)'!S$4)</f>
        <v/>
      </c>
      <c r="T64" s="120" t="str">
        <f>SUBSTITUTE(Categorization!T64,"x",'Categorization (2)'!T$4)</f>
        <v/>
      </c>
      <c r="U64" s="120" t="str">
        <f>SUBSTITUTE(Categorization!U64,"x",'Categorization (2)'!U$4)</f>
        <v/>
      </c>
      <c r="V64" s="127" t="str">
        <f>SUBSTITUTE(Categorization!V64,"x",'Categorization (2)'!V$4)</f>
        <v xml:space="preserve">Środki opatrunkowe i higeniczne/ Pieluchy dla dorosłych/ </v>
      </c>
      <c r="W64" s="127" t="str">
        <f>SUBSTITUTE(Categorization!W64,"x",'Categorization (2)'!W$4)</f>
        <v/>
      </c>
      <c r="X64" s="127" t="str">
        <f>SUBSTITUTE(Categorization!X64,"x",'Categorization (2)'!X$4)</f>
        <v/>
      </c>
      <c r="Y64" s="127" t="str">
        <f>SUBSTITUTE(Categorization!Y64,"x",'Categorization (2)'!Y$4)</f>
        <v/>
      </c>
      <c r="Z64" s="127" t="str">
        <f>SUBSTITUTE(Categorization!Z64,"x",'Categorization (2)'!Z$4)</f>
        <v/>
      </c>
      <c r="AA64" s="124" t="str">
        <f>SUBSTITUTE(Categorization!AA64,"x",'Categorization (2)'!AA$4)</f>
        <v xml:space="preserve">Ciąża i dziecko/ Mama i dziecko/ Wyprawka do szpitala/ </v>
      </c>
      <c r="AB64" s="124" t="str">
        <f>SUBSTITUTE(Categorization!AB64,"x",'Categorization (2)'!AB$4)</f>
        <v/>
      </c>
      <c r="AC64" s="124" t="str">
        <f>SUBSTITUTE(Categorization!AC64,"x",'Categorization (2)'!AC$4)</f>
        <v xml:space="preserve">Ciąża i dziecko/ Mama i dziecko/ Majtki i wkładki poporodowe/ </v>
      </c>
      <c r="AD64" s="124" t="str">
        <f>SUBSTITUTE(Categorization!AD64,"x",'Categorization (2)'!AD$4)</f>
        <v/>
      </c>
      <c r="AE64" s="124" t="str">
        <f>SUBSTITUTE(Categorization!AE64,"x",'Categorization (2)'!AE$4)</f>
        <v/>
      </c>
      <c r="AF64" s="108" t="str">
        <f>SUBSTITUTE(Categorization!AF64,"x",'Categorization (2)'!AF$4)</f>
        <v/>
      </c>
      <c r="AG64" s="108" t="str">
        <f>SUBSTITUTE(Categorization!AG64,"x",'Categorization (2)'!AG$4)</f>
        <v/>
      </c>
      <c r="AH64" s="108" t="str">
        <f>SUBSTITUTE(Categorization!AH64,"x",'Categorization (2)'!AH$4)</f>
        <v xml:space="preserve">Drogi moczowe/ nietrzymanie moczu/ Pieluchy dla dorosłych/ </v>
      </c>
      <c r="AI64" s="108" t="str">
        <f>SUBSTITUTE(Categorization!AI64,"x",'Categorization (2)'!AI$4)</f>
        <v/>
      </c>
      <c r="AJ64" s="108" t="str">
        <f>SUBSTITUTE(Categorization!AJ64,"x",'Categorization (2)'!AJ$4)</f>
        <v/>
      </c>
      <c r="AK64" s="116" t="str">
        <f>SUBSTITUTE(Categorization!AK64,"x",'Categorization (2)'!AK$4)</f>
        <v/>
      </c>
      <c r="AL64" s="129" t="str">
        <f>SUBSTITUTE(Categorization!AL64,"x",'Categorization (2)'!AL$4)</f>
        <v/>
      </c>
      <c r="AM64" s="129" t="str">
        <f>SUBSTITUTE(Categorization!AM64,"x",'Categorization (2)'!AM$4)</f>
        <v/>
      </c>
      <c r="AN64" s="131" t="str">
        <f>SUBSTITUTE(Categorization!AN64,"x",'Categorization (2)'!AN$4)</f>
        <v/>
      </c>
      <c r="AO64" s="131" t="str">
        <f>SUBSTITUTE(Categorization!AO64,"x",'Categorization (2)'!AO$4)</f>
        <v/>
      </c>
      <c r="AP64" s="131" t="str">
        <f>SUBSTITUTE(Categorization!AP64,"x",'Categorization (2)'!AP$4)</f>
        <v xml:space="preserve">Sklep rehabilitacyjny/ Dla pacjenta leżącego/ </v>
      </c>
      <c r="AQ64" s="131" t="str">
        <f>SUBSTITUTE(Categorization!AQ64,"x",'Categorization (2)'!AQ$4)</f>
        <v/>
      </c>
      <c r="AR64" s="131" t="str">
        <f>SUBSTITUTE(Categorization!AR64,"x",'Categorization (2)'!AR$4)</f>
        <v/>
      </c>
      <c r="AS64" s="131" t="str">
        <f>SUBSTITUTE(Categorization!AS64,"x",'Categorization (2)'!AS$4)</f>
        <v xml:space="preserve">Sklep rehabilitacyjny/ Akcesoria dla osób starszych i niepełnosprawnych/ </v>
      </c>
      <c r="AT64" s="131" t="str">
        <f>SUBSTITUTE(Categorization!AT64,"x",'Categorization (2)'!AT$4)</f>
        <v/>
      </c>
      <c r="AU64" s="103"/>
      <c r="AV64" s="97"/>
    </row>
    <row r="65" spans="1:48" s="2" customFormat="1" ht="13.5" customHeight="1">
      <c r="A65" s="9"/>
      <c r="B65" s="9" t="s">
        <v>269</v>
      </c>
      <c r="C65" s="5">
        <v>61</v>
      </c>
      <c r="D65" s="11">
        <v>36</v>
      </c>
      <c r="E65" s="11">
        <v>758136</v>
      </c>
      <c r="F65" s="6" t="s">
        <v>7</v>
      </c>
      <c r="G65" s="23"/>
      <c r="H65" s="112" t="str">
        <f>SUBSTITUTE(Categorization!H65,"x",'Categorization (2)'!H$4)</f>
        <v/>
      </c>
      <c r="I65" s="112" t="str">
        <f>SUBSTITUTE(Categorization!I65,"x",'Categorization (2)'!I$4)</f>
        <v/>
      </c>
      <c r="J65" s="112" t="str">
        <f>SUBSTITUTE(Categorization!J65,"x",'Categorization (2)'!J$4)</f>
        <v/>
      </c>
      <c r="K65" s="112" t="str">
        <f>SUBSTITUTE(Categorization!K65,"x",'Categorization (2)'!K$4)</f>
        <v/>
      </c>
      <c r="L65" s="112" t="str">
        <f>SUBSTITUTE(Categorization!L65,"x",'Categorization (2)'!L$4)</f>
        <v/>
      </c>
      <c r="M65" s="112" t="str">
        <f>SUBSTITUTE(Categorization!M65,"x",'Categorization (2)'!M$4)</f>
        <v/>
      </c>
      <c r="N65" s="112" t="str">
        <f>SUBSTITUTE(Categorization!N65,"x",'Categorization (2)'!N$4)</f>
        <v/>
      </c>
      <c r="O65" s="112" t="str">
        <f>SUBSTITUTE(Categorization!O65,"x",'Categorization (2)'!O$4)</f>
        <v/>
      </c>
      <c r="P65" s="116" t="str">
        <f>SUBSTITUTE(Categorization!P65,"x",'Categorization (2)'!P$4)</f>
        <v/>
      </c>
      <c r="Q65" s="116" t="str">
        <f>SUBSTITUTE(Categorization!Q65,"x",'Categorization (2)'!Q$4)</f>
        <v/>
      </c>
      <c r="R65" s="120" t="str">
        <f>SUBSTITUTE(Categorization!R65,"x",'Categorization (2)'!R$4)</f>
        <v/>
      </c>
      <c r="S65" s="120" t="str">
        <f>SUBSTITUTE(Categorization!S65,"x",'Categorization (2)'!S$4)</f>
        <v/>
      </c>
      <c r="T65" s="120" t="str">
        <f>SUBSTITUTE(Categorization!T65,"x",'Categorization (2)'!T$4)</f>
        <v/>
      </c>
      <c r="U65" s="120" t="str">
        <f>SUBSTITUTE(Categorization!U65,"x",'Categorization (2)'!U$4)</f>
        <v/>
      </c>
      <c r="V65" s="127" t="str">
        <f>SUBSTITUTE(Categorization!V65,"x",'Categorization (2)'!V$4)</f>
        <v xml:space="preserve">Środki opatrunkowe i higeniczne/ Pieluchy dla dorosłych/ </v>
      </c>
      <c r="W65" s="127" t="str">
        <f>SUBSTITUTE(Categorization!W65,"x",'Categorization (2)'!W$4)</f>
        <v/>
      </c>
      <c r="X65" s="127" t="str">
        <f>SUBSTITUTE(Categorization!X65,"x",'Categorization (2)'!X$4)</f>
        <v/>
      </c>
      <c r="Y65" s="127" t="str">
        <f>SUBSTITUTE(Categorization!Y65,"x",'Categorization (2)'!Y$4)</f>
        <v/>
      </c>
      <c r="Z65" s="127" t="str">
        <f>SUBSTITUTE(Categorization!Z65,"x",'Categorization (2)'!Z$4)</f>
        <v/>
      </c>
      <c r="AA65" s="124" t="str">
        <f>SUBSTITUTE(Categorization!AA65,"x",'Categorization (2)'!AA$4)</f>
        <v xml:space="preserve">Ciąża i dziecko/ Mama i dziecko/ Wyprawka do szpitala/ </v>
      </c>
      <c r="AB65" s="124" t="str">
        <f>SUBSTITUTE(Categorization!AB65,"x",'Categorization (2)'!AB$4)</f>
        <v/>
      </c>
      <c r="AC65" s="124" t="str">
        <f>SUBSTITUTE(Categorization!AC65,"x",'Categorization (2)'!AC$4)</f>
        <v xml:space="preserve">Ciąża i dziecko/ Mama i dziecko/ Majtki i wkładki poporodowe/ </v>
      </c>
      <c r="AD65" s="124" t="str">
        <f>SUBSTITUTE(Categorization!AD65,"x",'Categorization (2)'!AD$4)</f>
        <v/>
      </c>
      <c r="AE65" s="124" t="str">
        <f>SUBSTITUTE(Categorization!AE65,"x",'Categorization (2)'!AE$4)</f>
        <v/>
      </c>
      <c r="AF65" s="108" t="str">
        <f>SUBSTITUTE(Categorization!AF65,"x",'Categorization (2)'!AF$4)</f>
        <v/>
      </c>
      <c r="AG65" s="108" t="str">
        <f>SUBSTITUTE(Categorization!AG65,"x",'Categorization (2)'!AG$4)</f>
        <v/>
      </c>
      <c r="AH65" s="108" t="str">
        <f>SUBSTITUTE(Categorization!AH65,"x",'Categorization (2)'!AH$4)</f>
        <v xml:space="preserve">Drogi moczowe/ nietrzymanie moczu/ Pieluchy dla dorosłych/ </v>
      </c>
      <c r="AI65" s="108" t="str">
        <f>SUBSTITUTE(Categorization!AI65,"x",'Categorization (2)'!AI$4)</f>
        <v/>
      </c>
      <c r="AJ65" s="108" t="str">
        <f>SUBSTITUTE(Categorization!AJ65,"x",'Categorization (2)'!AJ$4)</f>
        <v/>
      </c>
      <c r="AK65" s="116" t="str">
        <f>SUBSTITUTE(Categorization!AK65,"x",'Categorization (2)'!AK$4)</f>
        <v/>
      </c>
      <c r="AL65" s="129" t="str">
        <f>SUBSTITUTE(Categorization!AL65,"x",'Categorization (2)'!AL$4)</f>
        <v/>
      </c>
      <c r="AM65" s="129" t="str">
        <f>SUBSTITUTE(Categorization!AM65,"x",'Categorization (2)'!AM$4)</f>
        <v/>
      </c>
      <c r="AN65" s="131" t="str">
        <f>SUBSTITUTE(Categorization!AN65,"x",'Categorization (2)'!AN$4)</f>
        <v/>
      </c>
      <c r="AO65" s="131" t="str">
        <f>SUBSTITUTE(Categorization!AO65,"x",'Categorization (2)'!AO$4)</f>
        <v/>
      </c>
      <c r="AP65" s="131" t="str">
        <f>SUBSTITUTE(Categorization!AP65,"x",'Categorization (2)'!AP$4)</f>
        <v xml:space="preserve">Sklep rehabilitacyjny/ Dla pacjenta leżącego/ </v>
      </c>
      <c r="AQ65" s="131" t="str">
        <f>SUBSTITUTE(Categorization!AQ65,"x",'Categorization (2)'!AQ$4)</f>
        <v/>
      </c>
      <c r="AR65" s="131" t="str">
        <f>SUBSTITUTE(Categorization!AR65,"x",'Categorization (2)'!AR$4)</f>
        <v/>
      </c>
      <c r="AS65" s="131" t="str">
        <f>SUBSTITUTE(Categorization!AS65,"x",'Categorization (2)'!AS$4)</f>
        <v xml:space="preserve">Sklep rehabilitacyjny/ Akcesoria dla osób starszych i niepełnosprawnych/ </v>
      </c>
      <c r="AT65" s="131" t="str">
        <f>SUBSTITUTE(Categorization!AT65,"x",'Categorization (2)'!AT$4)</f>
        <v/>
      </c>
      <c r="AU65" s="103"/>
      <c r="AV65" s="97"/>
    </row>
    <row r="66" spans="1:48" s="2" customFormat="1" ht="13.5" customHeight="1">
      <c r="A66" s="9"/>
      <c r="B66" s="9" t="s">
        <v>269</v>
      </c>
      <c r="C66" s="5">
        <v>62</v>
      </c>
      <c r="D66" s="11">
        <v>28</v>
      </c>
      <c r="E66" s="11">
        <v>759128</v>
      </c>
      <c r="F66" s="6" t="s">
        <v>8</v>
      </c>
      <c r="G66" s="23"/>
      <c r="H66" s="112" t="str">
        <f>SUBSTITUTE(Categorization!H66,"x",'Categorization (2)'!H$4)</f>
        <v/>
      </c>
      <c r="I66" s="112" t="str">
        <f>SUBSTITUTE(Categorization!I66,"x",'Categorization (2)'!I$4)</f>
        <v/>
      </c>
      <c r="J66" s="112" t="str">
        <f>SUBSTITUTE(Categorization!J66,"x",'Categorization (2)'!J$4)</f>
        <v/>
      </c>
      <c r="K66" s="112" t="str">
        <f>SUBSTITUTE(Categorization!K66,"x",'Categorization (2)'!K$4)</f>
        <v/>
      </c>
      <c r="L66" s="112" t="str">
        <f>SUBSTITUTE(Categorization!L66,"x",'Categorization (2)'!L$4)</f>
        <v/>
      </c>
      <c r="M66" s="112" t="str">
        <f>SUBSTITUTE(Categorization!M66,"x",'Categorization (2)'!M$4)</f>
        <v/>
      </c>
      <c r="N66" s="112" t="str">
        <f>SUBSTITUTE(Categorization!N66,"x",'Categorization (2)'!N$4)</f>
        <v/>
      </c>
      <c r="O66" s="112" t="str">
        <f>SUBSTITUTE(Categorization!O66,"x",'Categorization (2)'!O$4)</f>
        <v/>
      </c>
      <c r="P66" s="116" t="str">
        <f>SUBSTITUTE(Categorization!P66,"x",'Categorization (2)'!P$4)</f>
        <v/>
      </c>
      <c r="Q66" s="116" t="str">
        <f>SUBSTITUTE(Categorization!Q66,"x",'Categorization (2)'!Q$4)</f>
        <v/>
      </c>
      <c r="R66" s="120" t="str">
        <f>SUBSTITUTE(Categorization!R66,"x",'Categorization (2)'!R$4)</f>
        <v/>
      </c>
      <c r="S66" s="120" t="str">
        <f>SUBSTITUTE(Categorization!S66,"x",'Categorization (2)'!S$4)</f>
        <v/>
      </c>
      <c r="T66" s="120" t="str">
        <f>SUBSTITUTE(Categorization!T66,"x",'Categorization (2)'!T$4)</f>
        <v/>
      </c>
      <c r="U66" s="120" t="str">
        <f>SUBSTITUTE(Categorization!U66,"x",'Categorization (2)'!U$4)</f>
        <v/>
      </c>
      <c r="V66" s="127" t="str">
        <f>SUBSTITUTE(Categorization!V66,"x",'Categorization (2)'!V$4)</f>
        <v xml:space="preserve">Środki opatrunkowe i higeniczne/ Pieluchy dla dorosłych/ </v>
      </c>
      <c r="W66" s="127" t="str">
        <f>SUBSTITUTE(Categorization!W66,"x",'Categorization (2)'!W$4)</f>
        <v/>
      </c>
      <c r="X66" s="127" t="str">
        <f>SUBSTITUTE(Categorization!X66,"x",'Categorization (2)'!X$4)</f>
        <v/>
      </c>
      <c r="Y66" s="127" t="str">
        <f>SUBSTITUTE(Categorization!Y66,"x",'Categorization (2)'!Y$4)</f>
        <v/>
      </c>
      <c r="Z66" s="127" t="str">
        <f>SUBSTITUTE(Categorization!Z66,"x",'Categorization (2)'!Z$4)</f>
        <v/>
      </c>
      <c r="AA66" s="124" t="str">
        <f>SUBSTITUTE(Categorization!AA66,"x",'Categorization (2)'!AA$4)</f>
        <v xml:space="preserve">Ciąża i dziecko/ Mama i dziecko/ Wyprawka do szpitala/ </v>
      </c>
      <c r="AB66" s="124" t="str">
        <f>SUBSTITUTE(Categorization!AB66,"x",'Categorization (2)'!AB$4)</f>
        <v/>
      </c>
      <c r="AC66" s="124" t="str">
        <f>SUBSTITUTE(Categorization!AC66,"x",'Categorization (2)'!AC$4)</f>
        <v xml:space="preserve">Ciąża i dziecko/ Mama i dziecko/ Majtki i wkładki poporodowe/ </v>
      </c>
      <c r="AD66" s="124" t="str">
        <f>SUBSTITUTE(Categorization!AD66,"x",'Categorization (2)'!AD$4)</f>
        <v/>
      </c>
      <c r="AE66" s="124" t="str">
        <f>SUBSTITUTE(Categorization!AE66,"x",'Categorization (2)'!AE$4)</f>
        <v/>
      </c>
      <c r="AF66" s="108" t="str">
        <f>SUBSTITUTE(Categorization!AF66,"x",'Categorization (2)'!AF$4)</f>
        <v/>
      </c>
      <c r="AG66" s="108" t="str">
        <f>SUBSTITUTE(Categorization!AG66,"x",'Categorization (2)'!AG$4)</f>
        <v/>
      </c>
      <c r="AH66" s="108" t="str">
        <f>SUBSTITUTE(Categorization!AH66,"x",'Categorization (2)'!AH$4)</f>
        <v xml:space="preserve">Drogi moczowe/ nietrzymanie moczu/ Pieluchy dla dorosłych/ </v>
      </c>
      <c r="AI66" s="108" t="str">
        <f>SUBSTITUTE(Categorization!AI66,"x",'Categorization (2)'!AI$4)</f>
        <v/>
      </c>
      <c r="AJ66" s="108" t="str">
        <f>SUBSTITUTE(Categorization!AJ66,"x",'Categorization (2)'!AJ$4)</f>
        <v/>
      </c>
      <c r="AK66" s="116" t="str">
        <f>SUBSTITUTE(Categorization!AK66,"x",'Categorization (2)'!AK$4)</f>
        <v/>
      </c>
      <c r="AL66" s="129" t="str">
        <f>SUBSTITUTE(Categorization!AL66,"x",'Categorization (2)'!AL$4)</f>
        <v/>
      </c>
      <c r="AM66" s="129" t="str">
        <f>SUBSTITUTE(Categorization!AM66,"x",'Categorization (2)'!AM$4)</f>
        <v/>
      </c>
      <c r="AN66" s="131" t="str">
        <f>SUBSTITUTE(Categorization!AN66,"x",'Categorization (2)'!AN$4)</f>
        <v/>
      </c>
      <c r="AO66" s="131" t="str">
        <f>SUBSTITUTE(Categorization!AO66,"x",'Categorization (2)'!AO$4)</f>
        <v/>
      </c>
      <c r="AP66" s="131" t="str">
        <f>SUBSTITUTE(Categorization!AP66,"x",'Categorization (2)'!AP$4)</f>
        <v xml:space="preserve">Sklep rehabilitacyjny/ Dla pacjenta leżącego/ </v>
      </c>
      <c r="AQ66" s="131" t="str">
        <f>SUBSTITUTE(Categorization!AQ66,"x",'Categorization (2)'!AQ$4)</f>
        <v/>
      </c>
      <c r="AR66" s="131" t="str">
        <f>SUBSTITUTE(Categorization!AR66,"x",'Categorization (2)'!AR$4)</f>
        <v/>
      </c>
      <c r="AS66" s="131" t="str">
        <f>SUBSTITUTE(Categorization!AS66,"x",'Categorization (2)'!AS$4)</f>
        <v xml:space="preserve">Sklep rehabilitacyjny/ Akcesoria dla osób starszych i niepełnosprawnych/ </v>
      </c>
      <c r="AT66" s="131" t="str">
        <f>SUBSTITUTE(Categorization!AT66,"x",'Categorization (2)'!AT$4)</f>
        <v/>
      </c>
      <c r="AU66" s="103"/>
      <c r="AV66" s="97"/>
    </row>
    <row r="67" spans="1:48" s="2" customFormat="1" ht="13.5" customHeight="1">
      <c r="A67" s="9"/>
      <c r="B67" s="9" t="s">
        <v>249</v>
      </c>
      <c r="C67" s="5">
        <v>63</v>
      </c>
      <c r="D67" s="7">
        <v>5</v>
      </c>
      <c r="E67" s="7">
        <v>754024</v>
      </c>
      <c r="F67" s="6" t="s">
        <v>26</v>
      </c>
      <c r="G67" s="23"/>
      <c r="H67" s="112" t="str">
        <f>SUBSTITUTE(Categorization!H67,"x",'Categorization (2)'!H$4)</f>
        <v/>
      </c>
      <c r="I67" s="112" t="str">
        <f>SUBSTITUTE(Categorization!I67,"x",'Categorization (2)'!I$4)</f>
        <v/>
      </c>
      <c r="J67" s="112" t="str">
        <f>SUBSTITUTE(Categorization!J67,"x",'Categorization (2)'!J$4)</f>
        <v/>
      </c>
      <c r="K67" s="112" t="str">
        <f>SUBSTITUTE(Categorization!K67,"x",'Categorization (2)'!K$4)</f>
        <v/>
      </c>
      <c r="L67" s="112" t="str">
        <f>SUBSTITUTE(Categorization!L67,"x",'Categorization (2)'!L$4)</f>
        <v/>
      </c>
      <c r="M67" s="112" t="str">
        <f>SUBSTITUTE(Categorization!M67,"x",'Categorization (2)'!M$4)</f>
        <v/>
      </c>
      <c r="N67" s="112" t="str">
        <f>SUBSTITUTE(Categorization!N67,"x",'Categorization (2)'!N$4)</f>
        <v/>
      </c>
      <c r="O67" s="112" t="str">
        <f>SUBSTITUTE(Categorization!O67,"x",'Categorization (2)'!O$4)</f>
        <v/>
      </c>
      <c r="P67" s="116" t="str">
        <f>SUBSTITUTE(Categorization!P67,"x",'Categorization (2)'!P$4)</f>
        <v/>
      </c>
      <c r="Q67" s="116" t="str">
        <f>SUBSTITUTE(Categorization!Q67,"x",'Categorization (2)'!Q$4)</f>
        <v/>
      </c>
      <c r="R67" s="120" t="str">
        <f>SUBSTITUTE(Categorization!R67,"x",'Categorization (2)'!R$4)</f>
        <v/>
      </c>
      <c r="S67" s="120" t="str">
        <f>SUBSTITUTE(Categorization!S67,"x",'Categorization (2)'!S$4)</f>
        <v/>
      </c>
      <c r="T67" s="120" t="str">
        <f>SUBSTITUTE(Categorization!T67,"x",'Categorization (2)'!T$4)</f>
        <v/>
      </c>
      <c r="U67" s="120" t="str">
        <f>SUBSTITUTE(Categorization!U67,"x",'Categorization (2)'!U$4)</f>
        <v/>
      </c>
      <c r="V67" s="127" t="str">
        <f>SUBSTITUTE(Categorization!V67,"x",'Categorization (2)'!V$4)</f>
        <v/>
      </c>
      <c r="W67" s="127" t="str">
        <f>SUBSTITUTE(Categorization!W67,"x",'Categorization (2)'!W$4)</f>
        <v/>
      </c>
      <c r="X67" s="127" t="str">
        <f>SUBSTITUTE(Categorization!X67,"x",'Categorization (2)'!X$4)</f>
        <v/>
      </c>
      <c r="Y67" s="127" t="str">
        <f>SUBSTITUTE(Categorization!Y67,"x",'Categorization (2)'!Y$4)</f>
        <v/>
      </c>
      <c r="Z67" s="127" t="str">
        <f>SUBSTITUTE(Categorization!Z67,"x",'Categorization (2)'!Z$4)</f>
        <v/>
      </c>
      <c r="AA67" s="124" t="str">
        <f>SUBSTITUTE(Categorization!AA67,"x",'Categorization (2)'!AA$4)</f>
        <v/>
      </c>
      <c r="AB67" s="124" t="str">
        <f>SUBSTITUTE(Categorization!AB67,"x",'Categorization (2)'!AB$4)</f>
        <v/>
      </c>
      <c r="AC67" s="124" t="str">
        <f>SUBSTITUTE(Categorization!AC67,"x",'Categorization (2)'!AC$4)</f>
        <v/>
      </c>
      <c r="AD67" s="124" t="str">
        <f>SUBSTITUTE(Categorization!AD67,"x",'Categorization (2)'!AD$4)</f>
        <v/>
      </c>
      <c r="AE67" s="124" t="str">
        <f>SUBSTITUTE(Categorization!AE67,"x",'Categorization (2)'!AE$4)</f>
        <v/>
      </c>
      <c r="AF67" s="108" t="str">
        <f>SUBSTITUTE(Categorization!AF67,"x",'Categorization (2)'!AF$4)</f>
        <v/>
      </c>
      <c r="AG67" s="108" t="str">
        <f>SUBSTITUTE(Categorization!AG67,"x",'Categorization (2)'!AG$4)</f>
        <v/>
      </c>
      <c r="AH67" s="108" t="str">
        <f>SUBSTITUTE(Categorization!AH67,"x",'Categorization (2)'!AH$4)</f>
        <v/>
      </c>
      <c r="AI67" s="108" t="str">
        <f>SUBSTITUTE(Categorization!AI67,"x",'Categorization (2)'!AI$4)</f>
        <v/>
      </c>
      <c r="AJ67" s="108" t="str">
        <f>SUBSTITUTE(Categorization!AJ67,"x",'Categorization (2)'!AJ$4)</f>
        <v/>
      </c>
      <c r="AK67" s="116" t="str">
        <f>SUBSTITUTE(Categorization!AK67,"x",'Categorization (2)'!AK$4)</f>
        <v/>
      </c>
      <c r="AL67" s="129" t="str">
        <f>SUBSTITUTE(Categorization!AL67,"x",'Categorization (2)'!AL$4)</f>
        <v/>
      </c>
      <c r="AM67" s="129" t="str">
        <f>SUBSTITUTE(Categorization!AM67,"x",'Categorization (2)'!AM$4)</f>
        <v/>
      </c>
      <c r="AN67" s="131" t="str">
        <f>SUBSTITUTE(Categorization!AN67,"x",'Categorization (2)'!AN$4)</f>
        <v/>
      </c>
      <c r="AO67" s="131" t="str">
        <f>SUBSTITUTE(Categorization!AO67,"x",'Categorization (2)'!AO$4)</f>
        <v/>
      </c>
      <c r="AP67" s="131" t="str">
        <f>SUBSTITUTE(Categorization!AP67,"x",'Categorization (2)'!AP$4)</f>
        <v/>
      </c>
      <c r="AQ67" s="131" t="str">
        <f>SUBSTITUTE(Categorization!AQ67,"x",'Categorization (2)'!AQ$4)</f>
        <v/>
      </c>
      <c r="AR67" s="131" t="str">
        <f>SUBSTITUTE(Categorization!AR67,"x",'Categorization (2)'!AR$4)</f>
        <v/>
      </c>
      <c r="AS67" s="131" t="str">
        <f>SUBSTITUTE(Categorization!AS67,"x",'Categorization (2)'!AS$4)</f>
        <v/>
      </c>
      <c r="AT67" s="131" t="str">
        <f>SUBSTITUTE(Categorization!AT67,"x",'Categorization (2)'!AT$4)</f>
        <v/>
      </c>
      <c r="AU67" s="103"/>
      <c r="AV67" s="97"/>
    </row>
    <row r="68" spans="1:48" s="2" customFormat="1" ht="13.5" customHeight="1">
      <c r="A68" s="9"/>
      <c r="B68" s="9" t="s">
        <v>249</v>
      </c>
      <c r="C68" s="5">
        <v>64</v>
      </c>
      <c r="D68" s="7">
        <v>5</v>
      </c>
      <c r="E68" s="7">
        <v>754025</v>
      </c>
      <c r="F68" s="6" t="s">
        <v>27</v>
      </c>
      <c r="G68" s="23"/>
      <c r="H68" s="112" t="str">
        <f>SUBSTITUTE(Categorization!H68,"x",'Categorization (2)'!H$4)</f>
        <v/>
      </c>
      <c r="I68" s="112" t="str">
        <f>SUBSTITUTE(Categorization!I68,"x",'Categorization (2)'!I$4)</f>
        <v/>
      </c>
      <c r="J68" s="112" t="str">
        <f>SUBSTITUTE(Categorization!J68,"x",'Categorization (2)'!J$4)</f>
        <v/>
      </c>
      <c r="K68" s="112" t="str">
        <f>SUBSTITUTE(Categorization!K68,"x",'Categorization (2)'!K$4)</f>
        <v/>
      </c>
      <c r="L68" s="112" t="str">
        <f>SUBSTITUTE(Categorization!L68,"x",'Categorization (2)'!L$4)</f>
        <v/>
      </c>
      <c r="M68" s="112" t="str">
        <f>SUBSTITUTE(Categorization!M68,"x",'Categorization (2)'!M$4)</f>
        <v/>
      </c>
      <c r="N68" s="112" t="str">
        <f>SUBSTITUTE(Categorization!N68,"x",'Categorization (2)'!N$4)</f>
        <v/>
      </c>
      <c r="O68" s="112" t="str">
        <f>SUBSTITUTE(Categorization!O68,"x",'Categorization (2)'!O$4)</f>
        <v/>
      </c>
      <c r="P68" s="116" t="str">
        <f>SUBSTITUTE(Categorization!P68,"x",'Categorization (2)'!P$4)</f>
        <v/>
      </c>
      <c r="Q68" s="116" t="str">
        <f>SUBSTITUTE(Categorization!Q68,"x",'Categorization (2)'!Q$4)</f>
        <v/>
      </c>
      <c r="R68" s="120" t="str">
        <f>SUBSTITUTE(Categorization!R68,"x",'Categorization (2)'!R$4)</f>
        <v/>
      </c>
      <c r="S68" s="120" t="str">
        <f>SUBSTITUTE(Categorization!S68,"x",'Categorization (2)'!S$4)</f>
        <v/>
      </c>
      <c r="T68" s="120" t="str">
        <f>SUBSTITUTE(Categorization!T68,"x",'Categorization (2)'!T$4)</f>
        <v/>
      </c>
      <c r="U68" s="120" t="str">
        <f>SUBSTITUTE(Categorization!U68,"x",'Categorization (2)'!U$4)</f>
        <v/>
      </c>
      <c r="V68" s="127" t="str">
        <f>SUBSTITUTE(Categorization!V68,"x",'Categorization (2)'!V$4)</f>
        <v/>
      </c>
      <c r="W68" s="127" t="str">
        <f>SUBSTITUTE(Categorization!W68,"x",'Categorization (2)'!W$4)</f>
        <v/>
      </c>
      <c r="X68" s="127" t="str">
        <f>SUBSTITUTE(Categorization!X68,"x",'Categorization (2)'!X$4)</f>
        <v/>
      </c>
      <c r="Y68" s="127" t="str">
        <f>SUBSTITUTE(Categorization!Y68,"x",'Categorization (2)'!Y$4)</f>
        <v/>
      </c>
      <c r="Z68" s="127" t="str">
        <f>SUBSTITUTE(Categorization!Z68,"x",'Categorization (2)'!Z$4)</f>
        <v/>
      </c>
      <c r="AA68" s="124" t="str">
        <f>SUBSTITUTE(Categorization!AA68,"x",'Categorization (2)'!AA$4)</f>
        <v/>
      </c>
      <c r="AB68" s="124" t="str">
        <f>SUBSTITUTE(Categorization!AB68,"x",'Categorization (2)'!AB$4)</f>
        <v/>
      </c>
      <c r="AC68" s="124" t="str">
        <f>SUBSTITUTE(Categorization!AC68,"x",'Categorization (2)'!AC$4)</f>
        <v/>
      </c>
      <c r="AD68" s="124" t="str">
        <f>SUBSTITUTE(Categorization!AD68,"x",'Categorization (2)'!AD$4)</f>
        <v/>
      </c>
      <c r="AE68" s="124" t="str">
        <f>SUBSTITUTE(Categorization!AE68,"x",'Categorization (2)'!AE$4)</f>
        <v/>
      </c>
      <c r="AF68" s="108" t="str">
        <f>SUBSTITUTE(Categorization!AF68,"x",'Categorization (2)'!AF$4)</f>
        <v/>
      </c>
      <c r="AG68" s="108" t="str">
        <f>SUBSTITUTE(Categorization!AG68,"x",'Categorization (2)'!AG$4)</f>
        <v/>
      </c>
      <c r="AH68" s="108" t="str">
        <f>SUBSTITUTE(Categorization!AH68,"x",'Categorization (2)'!AH$4)</f>
        <v/>
      </c>
      <c r="AI68" s="108" t="str">
        <f>SUBSTITUTE(Categorization!AI68,"x",'Categorization (2)'!AI$4)</f>
        <v/>
      </c>
      <c r="AJ68" s="108" t="str">
        <f>SUBSTITUTE(Categorization!AJ68,"x",'Categorization (2)'!AJ$4)</f>
        <v/>
      </c>
      <c r="AK68" s="116" t="str">
        <f>SUBSTITUTE(Categorization!AK68,"x",'Categorization (2)'!AK$4)</f>
        <v/>
      </c>
      <c r="AL68" s="129" t="str">
        <f>SUBSTITUTE(Categorization!AL68,"x",'Categorization (2)'!AL$4)</f>
        <v/>
      </c>
      <c r="AM68" s="129" t="str">
        <f>SUBSTITUTE(Categorization!AM68,"x",'Categorization (2)'!AM$4)</f>
        <v/>
      </c>
      <c r="AN68" s="131" t="str">
        <f>SUBSTITUTE(Categorization!AN68,"x",'Categorization (2)'!AN$4)</f>
        <v/>
      </c>
      <c r="AO68" s="131" t="str">
        <f>SUBSTITUTE(Categorization!AO68,"x",'Categorization (2)'!AO$4)</f>
        <v/>
      </c>
      <c r="AP68" s="131" t="str">
        <f>SUBSTITUTE(Categorization!AP68,"x",'Categorization (2)'!AP$4)</f>
        <v/>
      </c>
      <c r="AQ68" s="131" t="str">
        <f>SUBSTITUTE(Categorization!AQ68,"x",'Categorization (2)'!AQ$4)</f>
        <v/>
      </c>
      <c r="AR68" s="131" t="str">
        <f>SUBSTITUTE(Categorization!AR68,"x",'Categorization (2)'!AR$4)</f>
        <v/>
      </c>
      <c r="AS68" s="131" t="str">
        <f>SUBSTITUTE(Categorization!AS68,"x",'Categorization (2)'!AS$4)</f>
        <v/>
      </c>
      <c r="AT68" s="131" t="str">
        <f>SUBSTITUTE(Categorization!AT68,"x",'Categorization (2)'!AT$4)</f>
        <v/>
      </c>
      <c r="AU68" s="103"/>
      <c r="AV68" s="97"/>
    </row>
    <row r="69" spans="1:48" s="2" customFormat="1" ht="13.5" customHeight="1">
      <c r="A69" s="9"/>
      <c r="B69" s="9" t="s">
        <v>249</v>
      </c>
      <c r="C69" s="5">
        <v>65</v>
      </c>
      <c r="D69" s="7">
        <v>5</v>
      </c>
      <c r="E69" s="7">
        <v>754026</v>
      </c>
      <c r="F69" s="6" t="s">
        <v>28</v>
      </c>
      <c r="G69" s="23"/>
      <c r="H69" s="112" t="str">
        <f>SUBSTITUTE(Categorization!H69,"x",'Categorization (2)'!H$4)</f>
        <v/>
      </c>
      <c r="I69" s="112" t="str">
        <f>SUBSTITUTE(Categorization!I69,"x",'Categorization (2)'!I$4)</f>
        <v/>
      </c>
      <c r="J69" s="112" t="str">
        <f>SUBSTITUTE(Categorization!J69,"x",'Categorization (2)'!J$4)</f>
        <v/>
      </c>
      <c r="K69" s="112" t="str">
        <f>SUBSTITUTE(Categorization!K69,"x",'Categorization (2)'!K$4)</f>
        <v/>
      </c>
      <c r="L69" s="112" t="str">
        <f>SUBSTITUTE(Categorization!L69,"x",'Categorization (2)'!L$4)</f>
        <v/>
      </c>
      <c r="M69" s="112" t="str">
        <f>SUBSTITUTE(Categorization!M69,"x",'Categorization (2)'!M$4)</f>
        <v/>
      </c>
      <c r="N69" s="112" t="str">
        <f>SUBSTITUTE(Categorization!N69,"x",'Categorization (2)'!N$4)</f>
        <v/>
      </c>
      <c r="O69" s="112" t="str">
        <f>SUBSTITUTE(Categorization!O69,"x",'Categorization (2)'!O$4)</f>
        <v/>
      </c>
      <c r="P69" s="116" t="str">
        <f>SUBSTITUTE(Categorization!P69,"x",'Categorization (2)'!P$4)</f>
        <v/>
      </c>
      <c r="Q69" s="116" t="str">
        <f>SUBSTITUTE(Categorization!Q69,"x",'Categorization (2)'!Q$4)</f>
        <v/>
      </c>
      <c r="R69" s="120" t="str">
        <f>SUBSTITUTE(Categorization!R69,"x",'Categorization (2)'!R$4)</f>
        <v/>
      </c>
      <c r="S69" s="120" t="str">
        <f>SUBSTITUTE(Categorization!S69,"x",'Categorization (2)'!S$4)</f>
        <v/>
      </c>
      <c r="T69" s="120" t="str">
        <f>SUBSTITUTE(Categorization!T69,"x",'Categorization (2)'!T$4)</f>
        <v/>
      </c>
      <c r="U69" s="120" t="str">
        <f>SUBSTITUTE(Categorization!U69,"x",'Categorization (2)'!U$4)</f>
        <v/>
      </c>
      <c r="V69" s="127" t="str">
        <f>SUBSTITUTE(Categorization!V69,"x",'Categorization (2)'!V$4)</f>
        <v/>
      </c>
      <c r="W69" s="127" t="str">
        <f>SUBSTITUTE(Categorization!W69,"x",'Categorization (2)'!W$4)</f>
        <v/>
      </c>
      <c r="X69" s="127" t="str">
        <f>SUBSTITUTE(Categorization!X69,"x",'Categorization (2)'!X$4)</f>
        <v/>
      </c>
      <c r="Y69" s="127" t="str">
        <f>SUBSTITUTE(Categorization!Y69,"x",'Categorization (2)'!Y$4)</f>
        <v/>
      </c>
      <c r="Z69" s="127" t="str">
        <f>SUBSTITUTE(Categorization!Z69,"x",'Categorization (2)'!Z$4)</f>
        <v/>
      </c>
      <c r="AA69" s="124" t="str">
        <f>SUBSTITUTE(Categorization!AA69,"x",'Categorization (2)'!AA$4)</f>
        <v/>
      </c>
      <c r="AB69" s="124" t="str">
        <f>SUBSTITUTE(Categorization!AB69,"x",'Categorization (2)'!AB$4)</f>
        <v/>
      </c>
      <c r="AC69" s="124" t="str">
        <f>SUBSTITUTE(Categorization!AC69,"x",'Categorization (2)'!AC$4)</f>
        <v/>
      </c>
      <c r="AD69" s="124" t="str">
        <f>SUBSTITUTE(Categorization!AD69,"x",'Categorization (2)'!AD$4)</f>
        <v/>
      </c>
      <c r="AE69" s="124" t="str">
        <f>SUBSTITUTE(Categorization!AE69,"x",'Categorization (2)'!AE$4)</f>
        <v/>
      </c>
      <c r="AF69" s="108" t="str">
        <f>SUBSTITUTE(Categorization!AF69,"x",'Categorization (2)'!AF$4)</f>
        <v/>
      </c>
      <c r="AG69" s="108" t="str">
        <f>SUBSTITUTE(Categorization!AG69,"x",'Categorization (2)'!AG$4)</f>
        <v/>
      </c>
      <c r="AH69" s="108" t="str">
        <f>SUBSTITUTE(Categorization!AH69,"x",'Categorization (2)'!AH$4)</f>
        <v/>
      </c>
      <c r="AI69" s="108" t="str">
        <f>SUBSTITUTE(Categorization!AI69,"x",'Categorization (2)'!AI$4)</f>
        <v/>
      </c>
      <c r="AJ69" s="108" t="str">
        <f>SUBSTITUTE(Categorization!AJ69,"x",'Categorization (2)'!AJ$4)</f>
        <v/>
      </c>
      <c r="AK69" s="116" t="str">
        <f>SUBSTITUTE(Categorization!AK69,"x",'Categorization (2)'!AK$4)</f>
        <v/>
      </c>
      <c r="AL69" s="129" t="str">
        <f>SUBSTITUTE(Categorization!AL69,"x",'Categorization (2)'!AL$4)</f>
        <v/>
      </c>
      <c r="AM69" s="129" t="str">
        <f>SUBSTITUTE(Categorization!AM69,"x",'Categorization (2)'!AM$4)</f>
        <v/>
      </c>
      <c r="AN69" s="131" t="str">
        <f>SUBSTITUTE(Categorization!AN69,"x",'Categorization (2)'!AN$4)</f>
        <v/>
      </c>
      <c r="AO69" s="131" t="str">
        <f>SUBSTITUTE(Categorization!AO69,"x",'Categorization (2)'!AO$4)</f>
        <v/>
      </c>
      <c r="AP69" s="131" t="str">
        <f>SUBSTITUTE(Categorization!AP69,"x",'Categorization (2)'!AP$4)</f>
        <v/>
      </c>
      <c r="AQ69" s="131" t="str">
        <f>SUBSTITUTE(Categorization!AQ69,"x",'Categorization (2)'!AQ$4)</f>
        <v/>
      </c>
      <c r="AR69" s="131" t="str">
        <f>SUBSTITUTE(Categorization!AR69,"x",'Categorization (2)'!AR$4)</f>
        <v/>
      </c>
      <c r="AS69" s="131" t="str">
        <f>SUBSTITUTE(Categorization!AS69,"x",'Categorization (2)'!AS$4)</f>
        <v/>
      </c>
      <c r="AT69" s="131" t="str">
        <f>SUBSTITUTE(Categorization!AT69,"x",'Categorization (2)'!AT$4)</f>
        <v/>
      </c>
      <c r="AU69" s="103"/>
      <c r="AV69" s="97"/>
    </row>
    <row r="70" spans="1:48" s="2" customFormat="1" ht="13.5" customHeight="1">
      <c r="A70" s="9"/>
      <c r="B70" s="9" t="s">
        <v>250</v>
      </c>
      <c r="C70" s="5">
        <v>66</v>
      </c>
      <c r="D70" s="7">
        <v>5</v>
      </c>
      <c r="E70" s="7">
        <v>770057</v>
      </c>
      <c r="F70" s="6" t="s">
        <v>30</v>
      </c>
      <c r="G70" s="23"/>
      <c r="H70" s="112" t="str">
        <f>SUBSTITUTE(Categorization!H70,"x",'Categorization (2)'!H$4)</f>
        <v/>
      </c>
      <c r="I70" s="112" t="str">
        <f>SUBSTITUTE(Categorization!I70,"x",'Categorization (2)'!I$4)</f>
        <v/>
      </c>
      <c r="J70" s="112" t="str">
        <f>SUBSTITUTE(Categorization!J70,"x",'Categorization (2)'!J$4)</f>
        <v/>
      </c>
      <c r="K70" s="112" t="str">
        <f>SUBSTITUTE(Categorization!K70,"x",'Categorization (2)'!K$4)</f>
        <v/>
      </c>
      <c r="L70" s="112" t="str">
        <f>SUBSTITUTE(Categorization!L70,"x",'Categorization (2)'!L$4)</f>
        <v/>
      </c>
      <c r="M70" s="112" t="str">
        <f>SUBSTITUTE(Categorization!M70,"x",'Categorization (2)'!M$4)</f>
        <v/>
      </c>
      <c r="N70" s="112" t="str">
        <f>SUBSTITUTE(Categorization!N70,"x",'Categorization (2)'!N$4)</f>
        <v/>
      </c>
      <c r="O70" s="112" t="str">
        <f>SUBSTITUTE(Categorization!O70,"x",'Categorization (2)'!O$4)</f>
        <v/>
      </c>
      <c r="P70" s="116" t="str">
        <f>SUBSTITUTE(Categorization!P70,"x",'Categorization (2)'!P$4)</f>
        <v/>
      </c>
      <c r="Q70" s="116" t="str">
        <f>SUBSTITUTE(Categorization!Q70,"x",'Categorization (2)'!Q$4)</f>
        <v/>
      </c>
      <c r="R70" s="120" t="str">
        <f>SUBSTITUTE(Categorization!R70,"x",'Categorization (2)'!R$4)</f>
        <v/>
      </c>
      <c r="S70" s="120" t="str">
        <f>SUBSTITUTE(Categorization!S70,"x",'Categorization (2)'!S$4)</f>
        <v/>
      </c>
      <c r="T70" s="120" t="str">
        <f>SUBSTITUTE(Categorization!T70,"x",'Categorization (2)'!T$4)</f>
        <v/>
      </c>
      <c r="U70" s="120" t="str">
        <f>SUBSTITUTE(Categorization!U70,"x",'Categorization (2)'!U$4)</f>
        <v/>
      </c>
      <c r="V70" s="127" t="str">
        <f>SUBSTITUTE(Categorization!V70,"x",'Categorization (2)'!V$4)</f>
        <v xml:space="preserve">Środki opatrunkowe i higeniczne/ Pieluchy dla dorosłych/ </v>
      </c>
      <c r="W70" s="127" t="str">
        <f>SUBSTITUTE(Categorization!W70,"x",'Categorization (2)'!W$4)</f>
        <v/>
      </c>
      <c r="X70" s="127" t="str">
        <f>SUBSTITUTE(Categorization!X70,"x",'Categorization (2)'!X$4)</f>
        <v/>
      </c>
      <c r="Y70" s="127" t="str">
        <f>SUBSTITUTE(Categorization!Y70,"x",'Categorization (2)'!Y$4)</f>
        <v/>
      </c>
      <c r="Z70" s="127" t="str">
        <f>SUBSTITUTE(Categorization!Z70,"x",'Categorization (2)'!Z$4)</f>
        <v/>
      </c>
      <c r="AA70" s="124" t="str">
        <f>SUBSTITUTE(Categorization!AA70,"x",'Categorization (2)'!AA$4)</f>
        <v/>
      </c>
      <c r="AB70" s="124" t="str">
        <f>SUBSTITUTE(Categorization!AB70,"x",'Categorization (2)'!AB$4)</f>
        <v/>
      </c>
      <c r="AC70" s="124" t="str">
        <f>SUBSTITUTE(Categorization!AC70,"x",'Categorization (2)'!AC$4)</f>
        <v/>
      </c>
      <c r="AD70" s="124" t="str">
        <f>SUBSTITUTE(Categorization!AD70,"x",'Categorization (2)'!AD$4)</f>
        <v/>
      </c>
      <c r="AE70" s="124" t="str">
        <f>SUBSTITUTE(Categorization!AE70,"x",'Categorization (2)'!AE$4)</f>
        <v/>
      </c>
      <c r="AF70" s="108" t="str">
        <f>SUBSTITUTE(Categorization!AF70,"x",'Categorization (2)'!AF$4)</f>
        <v/>
      </c>
      <c r="AG70" s="108" t="str">
        <f>SUBSTITUTE(Categorization!AG70,"x",'Categorization (2)'!AG$4)</f>
        <v/>
      </c>
      <c r="AH70" s="108" t="str">
        <f>SUBSTITUTE(Categorization!AH70,"x",'Categorization (2)'!AH$4)</f>
        <v xml:space="preserve">Drogi moczowe/ nietrzymanie moczu/ Pieluchy dla dorosłych/ </v>
      </c>
      <c r="AI70" s="108" t="str">
        <f>SUBSTITUTE(Categorization!AI70,"x",'Categorization (2)'!AI$4)</f>
        <v/>
      </c>
      <c r="AJ70" s="108" t="str">
        <f>SUBSTITUTE(Categorization!AJ70,"x",'Categorization (2)'!AJ$4)</f>
        <v/>
      </c>
      <c r="AK70" s="116" t="str">
        <f>SUBSTITUTE(Categorization!AK70,"x",'Categorization (2)'!AK$4)</f>
        <v/>
      </c>
      <c r="AL70" s="129" t="str">
        <f>SUBSTITUTE(Categorization!AL70,"x",'Categorization (2)'!AL$4)</f>
        <v/>
      </c>
      <c r="AM70" s="129" t="str">
        <f>SUBSTITUTE(Categorization!AM70,"x",'Categorization (2)'!AM$4)</f>
        <v/>
      </c>
      <c r="AN70" s="131" t="str">
        <f>SUBSTITUTE(Categorization!AN70,"x",'Categorization (2)'!AN$4)</f>
        <v/>
      </c>
      <c r="AO70" s="131" t="str">
        <f>SUBSTITUTE(Categorization!AO70,"x",'Categorization (2)'!AO$4)</f>
        <v/>
      </c>
      <c r="AP70" s="131" t="str">
        <f>SUBSTITUTE(Categorization!AP70,"x",'Categorization (2)'!AP$4)</f>
        <v/>
      </c>
      <c r="AQ70" s="131" t="str">
        <f>SUBSTITUTE(Categorization!AQ70,"x",'Categorization (2)'!AQ$4)</f>
        <v/>
      </c>
      <c r="AR70" s="131" t="str">
        <f>SUBSTITUTE(Categorization!AR70,"x",'Categorization (2)'!AR$4)</f>
        <v/>
      </c>
      <c r="AS70" s="131" t="str">
        <f>SUBSTITUTE(Categorization!AS70,"x",'Categorization (2)'!AS$4)</f>
        <v/>
      </c>
      <c r="AT70" s="131" t="str">
        <f>SUBSTITUTE(Categorization!AT70,"x",'Categorization (2)'!AT$4)</f>
        <v/>
      </c>
      <c r="AU70" s="103"/>
      <c r="AV70" s="97"/>
    </row>
    <row r="71" spans="1:48" s="2" customFormat="1" ht="13.5" customHeight="1">
      <c r="A71" s="9"/>
      <c r="B71" s="9" t="s">
        <v>250</v>
      </c>
      <c r="C71" s="5">
        <v>67</v>
      </c>
      <c r="D71" s="7">
        <v>30</v>
      </c>
      <c r="E71" s="7">
        <v>770038</v>
      </c>
      <c r="F71" s="6" t="s">
        <v>30</v>
      </c>
      <c r="G71" s="23"/>
      <c r="H71" s="112" t="str">
        <f>SUBSTITUTE(Categorization!H71,"x",'Categorization (2)'!H$4)</f>
        <v/>
      </c>
      <c r="I71" s="112" t="str">
        <f>SUBSTITUTE(Categorization!I71,"x",'Categorization (2)'!I$4)</f>
        <v/>
      </c>
      <c r="J71" s="112" t="str">
        <f>SUBSTITUTE(Categorization!J71,"x",'Categorization (2)'!J$4)</f>
        <v/>
      </c>
      <c r="K71" s="112" t="str">
        <f>SUBSTITUTE(Categorization!K71,"x",'Categorization (2)'!K$4)</f>
        <v/>
      </c>
      <c r="L71" s="112" t="str">
        <f>SUBSTITUTE(Categorization!L71,"x",'Categorization (2)'!L$4)</f>
        <v/>
      </c>
      <c r="M71" s="112" t="str">
        <f>SUBSTITUTE(Categorization!M71,"x",'Categorization (2)'!M$4)</f>
        <v/>
      </c>
      <c r="N71" s="112" t="str">
        <f>SUBSTITUTE(Categorization!N71,"x",'Categorization (2)'!N$4)</f>
        <v/>
      </c>
      <c r="O71" s="112" t="str">
        <f>SUBSTITUTE(Categorization!O71,"x",'Categorization (2)'!O$4)</f>
        <v/>
      </c>
      <c r="P71" s="116" t="str">
        <f>SUBSTITUTE(Categorization!P71,"x",'Categorization (2)'!P$4)</f>
        <v/>
      </c>
      <c r="Q71" s="116" t="str">
        <f>SUBSTITUTE(Categorization!Q71,"x",'Categorization (2)'!Q$4)</f>
        <v/>
      </c>
      <c r="R71" s="120" t="str">
        <f>SUBSTITUTE(Categorization!R71,"x",'Categorization (2)'!R$4)</f>
        <v/>
      </c>
      <c r="S71" s="120" t="str">
        <f>SUBSTITUTE(Categorization!S71,"x",'Categorization (2)'!S$4)</f>
        <v/>
      </c>
      <c r="T71" s="120" t="str">
        <f>SUBSTITUTE(Categorization!T71,"x",'Categorization (2)'!T$4)</f>
        <v/>
      </c>
      <c r="U71" s="120" t="str">
        <f>SUBSTITUTE(Categorization!U71,"x",'Categorization (2)'!U$4)</f>
        <v/>
      </c>
      <c r="V71" s="127" t="str">
        <f>SUBSTITUTE(Categorization!V71,"x",'Categorization (2)'!V$4)</f>
        <v xml:space="preserve">Środki opatrunkowe i higeniczne/ Pieluchy dla dorosłych/ </v>
      </c>
      <c r="W71" s="127" t="str">
        <f>SUBSTITUTE(Categorization!W71,"x",'Categorization (2)'!W$4)</f>
        <v/>
      </c>
      <c r="X71" s="127" t="str">
        <f>SUBSTITUTE(Categorization!X71,"x",'Categorization (2)'!X$4)</f>
        <v/>
      </c>
      <c r="Y71" s="127" t="str">
        <f>SUBSTITUTE(Categorization!Y71,"x",'Categorization (2)'!Y$4)</f>
        <v/>
      </c>
      <c r="Z71" s="127" t="str">
        <f>SUBSTITUTE(Categorization!Z71,"x",'Categorization (2)'!Z$4)</f>
        <v/>
      </c>
      <c r="AA71" s="124" t="str">
        <f>SUBSTITUTE(Categorization!AA71,"x",'Categorization (2)'!AA$4)</f>
        <v/>
      </c>
      <c r="AB71" s="124" t="str">
        <f>SUBSTITUTE(Categorization!AB71,"x",'Categorization (2)'!AB$4)</f>
        <v/>
      </c>
      <c r="AC71" s="124" t="str">
        <f>SUBSTITUTE(Categorization!AC71,"x",'Categorization (2)'!AC$4)</f>
        <v/>
      </c>
      <c r="AD71" s="124" t="str">
        <f>SUBSTITUTE(Categorization!AD71,"x",'Categorization (2)'!AD$4)</f>
        <v/>
      </c>
      <c r="AE71" s="124" t="str">
        <f>SUBSTITUTE(Categorization!AE71,"x",'Categorization (2)'!AE$4)</f>
        <v/>
      </c>
      <c r="AF71" s="108" t="str">
        <f>SUBSTITUTE(Categorization!AF71,"x",'Categorization (2)'!AF$4)</f>
        <v/>
      </c>
      <c r="AG71" s="108" t="str">
        <f>SUBSTITUTE(Categorization!AG71,"x",'Categorization (2)'!AG$4)</f>
        <v/>
      </c>
      <c r="AH71" s="108" t="str">
        <f>SUBSTITUTE(Categorization!AH71,"x",'Categorization (2)'!AH$4)</f>
        <v xml:space="preserve">Drogi moczowe/ nietrzymanie moczu/ Pieluchy dla dorosłych/ </v>
      </c>
      <c r="AI71" s="108" t="str">
        <f>SUBSTITUTE(Categorization!AI71,"x",'Categorization (2)'!AI$4)</f>
        <v/>
      </c>
      <c r="AJ71" s="108" t="str">
        <f>SUBSTITUTE(Categorization!AJ71,"x",'Categorization (2)'!AJ$4)</f>
        <v/>
      </c>
      <c r="AK71" s="116" t="str">
        <f>SUBSTITUTE(Categorization!AK71,"x",'Categorization (2)'!AK$4)</f>
        <v/>
      </c>
      <c r="AL71" s="129" t="str">
        <f>SUBSTITUTE(Categorization!AL71,"x",'Categorization (2)'!AL$4)</f>
        <v/>
      </c>
      <c r="AM71" s="129" t="str">
        <f>SUBSTITUTE(Categorization!AM71,"x",'Categorization (2)'!AM$4)</f>
        <v/>
      </c>
      <c r="AN71" s="131" t="str">
        <f>SUBSTITUTE(Categorization!AN71,"x",'Categorization (2)'!AN$4)</f>
        <v/>
      </c>
      <c r="AO71" s="131" t="str">
        <f>SUBSTITUTE(Categorization!AO71,"x",'Categorization (2)'!AO$4)</f>
        <v/>
      </c>
      <c r="AP71" s="131" t="str">
        <f>SUBSTITUTE(Categorization!AP71,"x",'Categorization (2)'!AP$4)</f>
        <v/>
      </c>
      <c r="AQ71" s="131" t="str">
        <f>SUBSTITUTE(Categorization!AQ71,"x",'Categorization (2)'!AQ$4)</f>
        <v/>
      </c>
      <c r="AR71" s="131" t="str">
        <f>SUBSTITUTE(Categorization!AR71,"x",'Categorization (2)'!AR$4)</f>
        <v/>
      </c>
      <c r="AS71" s="131" t="str">
        <f>SUBSTITUTE(Categorization!AS71,"x",'Categorization (2)'!AS$4)</f>
        <v/>
      </c>
      <c r="AT71" s="131" t="str">
        <f>SUBSTITUTE(Categorization!AT71,"x",'Categorization (2)'!AT$4)</f>
        <v/>
      </c>
      <c r="AU71" s="103"/>
      <c r="AV71" s="97"/>
    </row>
    <row r="72" spans="1:48" s="2" customFormat="1" ht="13.5" customHeight="1">
      <c r="A72" s="9"/>
      <c r="B72" s="9" t="s">
        <v>251</v>
      </c>
      <c r="C72" s="5">
        <v>68</v>
      </c>
      <c r="D72" s="7">
        <v>5</v>
      </c>
      <c r="E72" s="7">
        <v>770054</v>
      </c>
      <c r="F72" s="6" t="s">
        <v>71</v>
      </c>
      <c r="G72" s="23"/>
      <c r="H72" s="112" t="str">
        <f>SUBSTITUTE(Categorization!H72,"x",'Categorization (2)'!H$4)</f>
        <v/>
      </c>
      <c r="I72" s="112" t="str">
        <f>SUBSTITUTE(Categorization!I72,"x",'Categorization (2)'!I$4)</f>
        <v/>
      </c>
      <c r="J72" s="112" t="str">
        <f>SUBSTITUTE(Categorization!J72,"x",'Categorization (2)'!J$4)</f>
        <v/>
      </c>
      <c r="K72" s="112" t="str">
        <f>SUBSTITUTE(Categorization!K72,"x",'Categorization (2)'!K$4)</f>
        <v/>
      </c>
      <c r="L72" s="112" t="str">
        <f>SUBSTITUTE(Categorization!L72,"x",'Categorization (2)'!L$4)</f>
        <v/>
      </c>
      <c r="M72" s="112" t="str">
        <f>SUBSTITUTE(Categorization!M72,"x",'Categorization (2)'!M$4)</f>
        <v/>
      </c>
      <c r="N72" s="112" t="str">
        <f>SUBSTITUTE(Categorization!N72,"x",'Categorization (2)'!N$4)</f>
        <v/>
      </c>
      <c r="O72" s="112" t="str">
        <f>SUBSTITUTE(Categorization!O72,"x",'Categorization (2)'!O$4)</f>
        <v/>
      </c>
      <c r="P72" s="116" t="str">
        <f>SUBSTITUTE(Categorization!P72,"x",'Categorization (2)'!P$4)</f>
        <v/>
      </c>
      <c r="Q72" s="116" t="str">
        <f>SUBSTITUTE(Categorization!Q72,"x",'Categorization (2)'!Q$4)</f>
        <v/>
      </c>
      <c r="R72" s="120" t="str">
        <f>SUBSTITUTE(Categorization!R72,"x",'Categorization (2)'!R$4)</f>
        <v/>
      </c>
      <c r="S72" s="120" t="str">
        <f>SUBSTITUTE(Categorization!S72,"x",'Categorization (2)'!S$4)</f>
        <v/>
      </c>
      <c r="T72" s="120" t="str">
        <f>SUBSTITUTE(Categorization!T72,"x",'Categorization (2)'!T$4)</f>
        <v/>
      </c>
      <c r="U72" s="120" t="str">
        <f>SUBSTITUTE(Categorization!U72,"x",'Categorization (2)'!U$4)</f>
        <v/>
      </c>
      <c r="V72" s="127" t="str">
        <f>SUBSTITUTE(Categorization!V72,"x",'Categorization (2)'!V$4)</f>
        <v xml:space="preserve">Środki opatrunkowe i higeniczne/ Pieluchy dla dorosłych/ </v>
      </c>
      <c r="W72" s="127" t="str">
        <f>SUBSTITUTE(Categorization!W72,"x",'Categorization (2)'!W$4)</f>
        <v/>
      </c>
      <c r="X72" s="127" t="str">
        <f>SUBSTITUTE(Categorization!X72,"x",'Categorization (2)'!X$4)</f>
        <v/>
      </c>
      <c r="Y72" s="127" t="str">
        <f>SUBSTITUTE(Categorization!Y72,"x",'Categorization (2)'!Y$4)</f>
        <v/>
      </c>
      <c r="Z72" s="127" t="str">
        <f>SUBSTITUTE(Categorization!Z72,"x",'Categorization (2)'!Z$4)</f>
        <v/>
      </c>
      <c r="AA72" s="124" t="str">
        <f>SUBSTITUTE(Categorization!AA72,"x",'Categorization (2)'!AA$4)</f>
        <v/>
      </c>
      <c r="AB72" s="124" t="str">
        <f>SUBSTITUTE(Categorization!AB72,"x",'Categorization (2)'!AB$4)</f>
        <v/>
      </c>
      <c r="AC72" s="124" t="str">
        <f>SUBSTITUTE(Categorization!AC72,"x",'Categorization (2)'!AC$4)</f>
        <v/>
      </c>
      <c r="AD72" s="124" t="str">
        <f>SUBSTITUTE(Categorization!AD72,"x",'Categorization (2)'!AD$4)</f>
        <v/>
      </c>
      <c r="AE72" s="124" t="str">
        <f>SUBSTITUTE(Categorization!AE72,"x",'Categorization (2)'!AE$4)</f>
        <v/>
      </c>
      <c r="AF72" s="108" t="str">
        <f>SUBSTITUTE(Categorization!AF72,"x",'Categorization (2)'!AF$4)</f>
        <v/>
      </c>
      <c r="AG72" s="108" t="str">
        <f>SUBSTITUTE(Categorization!AG72,"x",'Categorization (2)'!AG$4)</f>
        <v/>
      </c>
      <c r="AH72" s="108" t="str">
        <f>SUBSTITUTE(Categorization!AH72,"x",'Categorization (2)'!AH$4)</f>
        <v xml:space="preserve">Drogi moczowe/ nietrzymanie moczu/ Pieluchy dla dorosłych/ </v>
      </c>
      <c r="AI72" s="108" t="str">
        <f>SUBSTITUTE(Categorization!AI72,"x",'Categorization (2)'!AI$4)</f>
        <v/>
      </c>
      <c r="AJ72" s="108" t="str">
        <f>SUBSTITUTE(Categorization!AJ72,"x",'Categorization (2)'!AJ$4)</f>
        <v/>
      </c>
      <c r="AK72" s="116" t="str">
        <f>SUBSTITUTE(Categorization!AK72,"x",'Categorization (2)'!AK$4)</f>
        <v/>
      </c>
      <c r="AL72" s="129" t="str">
        <f>SUBSTITUTE(Categorization!AL72,"x",'Categorization (2)'!AL$4)</f>
        <v/>
      </c>
      <c r="AM72" s="129" t="str">
        <f>SUBSTITUTE(Categorization!AM72,"x",'Categorization (2)'!AM$4)</f>
        <v/>
      </c>
      <c r="AN72" s="131" t="str">
        <f>SUBSTITUTE(Categorization!AN72,"x",'Categorization (2)'!AN$4)</f>
        <v/>
      </c>
      <c r="AO72" s="131" t="str">
        <f>SUBSTITUTE(Categorization!AO72,"x",'Categorization (2)'!AO$4)</f>
        <v/>
      </c>
      <c r="AP72" s="131" t="str">
        <f>SUBSTITUTE(Categorization!AP72,"x",'Categorization (2)'!AP$4)</f>
        <v/>
      </c>
      <c r="AQ72" s="131" t="str">
        <f>SUBSTITUTE(Categorization!AQ72,"x",'Categorization (2)'!AQ$4)</f>
        <v/>
      </c>
      <c r="AR72" s="131" t="str">
        <f>SUBSTITUTE(Categorization!AR72,"x",'Categorization (2)'!AR$4)</f>
        <v/>
      </c>
      <c r="AS72" s="131" t="str">
        <f>SUBSTITUTE(Categorization!AS72,"x",'Categorization (2)'!AS$4)</f>
        <v/>
      </c>
      <c r="AT72" s="131" t="str">
        <f>SUBSTITUTE(Categorization!AT72,"x",'Categorization (2)'!AT$4)</f>
        <v/>
      </c>
      <c r="AU72" s="103"/>
      <c r="AV72" s="97"/>
    </row>
    <row r="73" spans="1:48" s="2" customFormat="1" ht="13.5" customHeight="1">
      <c r="A73" s="9"/>
      <c r="B73" s="9" t="s">
        <v>251</v>
      </c>
      <c r="C73" s="5">
        <v>69</v>
      </c>
      <c r="D73" s="7">
        <v>30</v>
      </c>
      <c r="E73" s="7">
        <v>770100</v>
      </c>
      <c r="F73" s="6" t="s">
        <v>29</v>
      </c>
      <c r="G73" s="23"/>
      <c r="H73" s="112" t="str">
        <f>SUBSTITUTE(Categorization!H73,"x",'Categorization (2)'!H$4)</f>
        <v/>
      </c>
      <c r="I73" s="112" t="str">
        <f>SUBSTITUTE(Categorization!I73,"x",'Categorization (2)'!I$4)</f>
        <v/>
      </c>
      <c r="J73" s="112" t="str">
        <f>SUBSTITUTE(Categorization!J73,"x",'Categorization (2)'!J$4)</f>
        <v/>
      </c>
      <c r="K73" s="112" t="str">
        <f>SUBSTITUTE(Categorization!K73,"x",'Categorization (2)'!K$4)</f>
        <v/>
      </c>
      <c r="L73" s="112" t="str">
        <f>SUBSTITUTE(Categorization!L73,"x",'Categorization (2)'!L$4)</f>
        <v/>
      </c>
      <c r="M73" s="112" t="str">
        <f>SUBSTITUTE(Categorization!M73,"x",'Categorization (2)'!M$4)</f>
        <v/>
      </c>
      <c r="N73" s="112" t="str">
        <f>SUBSTITUTE(Categorization!N73,"x",'Categorization (2)'!N$4)</f>
        <v/>
      </c>
      <c r="O73" s="112" t="str">
        <f>SUBSTITUTE(Categorization!O73,"x",'Categorization (2)'!O$4)</f>
        <v/>
      </c>
      <c r="P73" s="116" t="str">
        <f>SUBSTITUTE(Categorization!P73,"x",'Categorization (2)'!P$4)</f>
        <v/>
      </c>
      <c r="Q73" s="116" t="str">
        <f>SUBSTITUTE(Categorization!Q73,"x",'Categorization (2)'!Q$4)</f>
        <v/>
      </c>
      <c r="R73" s="120" t="str">
        <f>SUBSTITUTE(Categorization!R73,"x",'Categorization (2)'!R$4)</f>
        <v/>
      </c>
      <c r="S73" s="120" t="str">
        <f>SUBSTITUTE(Categorization!S73,"x",'Categorization (2)'!S$4)</f>
        <v/>
      </c>
      <c r="T73" s="120" t="str">
        <f>SUBSTITUTE(Categorization!T73,"x",'Categorization (2)'!T$4)</f>
        <v/>
      </c>
      <c r="U73" s="120" t="str">
        <f>SUBSTITUTE(Categorization!U73,"x",'Categorization (2)'!U$4)</f>
        <v/>
      </c>
      <c r="V73" s="127" t="str">
        <f>SUBSTITUTE(Categorization!V73,"x",'Categorization (2)'!V$4)</f>
        <v/>
      </c>
      <c r="W73" s="127" t="str">
        <f>SUBSTITUTE(Categorization!W73,"x",'Categorization (2)'!W$4)</f>
        <v/>
      </c>
      <c r="X73" s="127" t="str">
        <f>SUBSTITUTE(Categorization!X73,"x",'Categorization (2)'!X$4)</f>
        <v/>
      </c>
      <c r="Y73" s="127" t="str">
        <f>SUBSTITUTE(Categorization!Y73,"x",'Categorization (2)'!Y$4)</f>
        <v/>
      </c>
      <c r="Z73" s="127" t="str">
        <f>SUBSTITUTE(Categorization!Z73,"x",'Categorization (2)'!Z$4)</f>
        <v/>
      </c>
      <c r="AA73" s="124" t="str">
        <f>SUBSTITUTE(Categorization!AA73,"x",'Categorization (2)'!AA$4)</f>
        <v/>
      </c>
      <c r="AB73" s="124" t="str">
        <f>SUBSTITUTE(Categorization!AB73,"x",'Categorization (2)'!AB$4)</f>
        <v/>
      </c>
      <c r="AC73" s="124" t="str">
        <f>SUBSTITUTE(Categorization!AC73,"x",'Categorization (2)'!AC$4)</f>
        <v/>
      </c>
      <c r="AD73" s="124" t="str">
        <f>SUBSTITUTE(Categorization!AD73,"x",'Categorization (2)'!AD$4)</f>
        <v/>
      </c>
      <c r="AE73" s="124" t="str">
        <f>SUBSTITUTE(Categorization!AE73,"x",'Categorization (2)'!AE$4)</f>
        <v/>
      </c>
      <c r="AF73" s="108" t="str">
        <f>SUBSTITUTE(Categorization!AF73,"x",'Categorization (2)'!AF$4)</f>
        <v/>
      </c>
      <c r="AG73" s="108" t="str">
        <f>SUBSTITUTE(Categorization!AG73,"x",'Categorization (2)'!AG$4)</f>
        <v/>
      </c>
      <c r="AH73" s="108" t="str">
        <f>SUBSTITUTE(Categorization!AH73,"x",'Categorization (2)'!AH$4)</f>
        <v/>
      </c>
      <c r="AI73" s="108" t="str">
        <f>SUBSTITUTE(Categorization!AI73,"x",'Categorization (2)'!AI$4)</f>
        <v/>
      </c>
      <c r="AJ73" s="108" t="str">
        <f>SUBSTITUTE(Categorization!AJ73,"x",'Categorization (2)'!AJ$4)</f>
        <v/>
      </c>
      <c r="AK73" s="116" t="str">
        <f>SUBSTITUTE(Categorization!AK73,"x",'Categorization (2)'!AK$4)</f>
        <v/>
      </c>
      <c r="AL73" s="129" t="str">
        <f>SUBSTITUTE(Categorization!AL73,"x",'Categorization (2)'!AL$4)</f>
        <v/>
      </c>
      <c r="AM73" s="129" t="str">
        <f>SUBSTITUTE(Categorization!AM73,"x",'Categorization (2)'!AM$4)</f>
        <v/>
      </c>
      <c r="AN73" s="131" t="str">
        <f>SUBSTITUTE(Categorization!AN73,"x",'Categorization (2)'!AN$4)</f>
        <v/>
      </c>
      <c r="AO73" s="131" t="str">
        <f>SUBSTITUTE(Categorization!AO73,"x",'Categorization (2)'!AO$4)</f>
        <v/>
      </c>
      <c r="AP73" s="131" t="str">
        <f>SUBSTITUTE(Categorization!AP73,"x",'Categorization (2)'!AP$4)</f>
        <v/>
      </c>
      <c r="AQ73" s="131" t="str">
        <f>SUBSTITUTE(Categorization!AQ73,"x",'Categorization (2)'!AQ$4)</f>
        <v/>
      </c>
      <c r="AR73" s="131" t="str">
        <f>SUBSTITUTE(Categorization!AR73,"x",'Categorization (2)'!AR$4)</f>
        <v/>
      </c>
      <c r="AS73" s="131" t="str">
        <f>SUBSTITUTE(Categorization!AS73,"x",'Categorization (2)'!AS$4)</f>
        <v/>
      </c>
      <c r="AT73" s="131" t="str">
        <f>SUBSTITUTE(Categorization!AT73,"x",'Categorization (2)'!AT$4)</f>
        <v/>
      </c>
      <c r="AU73" s="103"/>
      <c r="AV73" s="97"/>
    </row>
    <row r="74" spans="1:48" s="2" customFormat="1" ht="13.5" customHeight="1">
      <c r="A74" s="9"/>
      <c r="B74" s="9" t="s">
        <v>251</v>
      </c>
      <c r="C74" s="5">
        <v>70</v>
      </c>
      <c r="D74" s="7">
        <v>5</v>
      </c>
      <c r="E74" s="7">
        <v>770055</v>
      </c>
      <c r="F74" s="6" t="s">
        <v>72</v>
      </c>
      <c r="G74" s="23"/>
      <c r="H74" s="112" t="str">
        <f>SUBSTITUTE(Categorization!H74,"x",'Categorization (2)'!H$4)</f>
        <v/>
      </c>
      <c r="I74" s="112" t="str">
        <f>SUBSTITUTE(Categorization!I74,"x",'Categorization (2)'!I$4)</f>
        <v/>
      </c>
      <c r="J74" s="112" t="str">
        <f>SUBSTITUTE(Categorization!J74,"x",'Categorization (2)'!J$4)</f>
        <v/>
      </c>
      <c r="K74" s="112" t="str">
        <f>SUBSTITUTE(Categorization!K74,"x",'Categorization (2)'!K$4)</f>
        <v/>
      </c>
      <c r="L74" s="112" t="str">
        <f>SUBSTITUTE(Categorization!L74,"x",'Categorization (2)'!L$4)</f>
        <v/>
      </c>
      <c r="M74" s="112" t="str">
        <f>SUBSTITUTE(Categorization!M74,"x",'Categorization (2)'!M$4)</f>
        <v/>
      </c>
      <c r="N74" s="112" t="str">
        <f>SUBSTITUTE(Categorization!N74,"x",'Categorization (2)'!N$4)</f>
        <v/>
      </c>
      <c r="O74" s="112" t="str">
        <f>SUBSTITUTE(Categorization!O74,"x",'Categorization (2)'!O$4)</f>
        <v/>
      </c>
      <c r="P74" s="116" t="str">
        <f>SUBSTITUTE(Categorization!P74,"x",'Categorization (2)'!P$4)</f>
        <v/>
      </c>
      <c r="Q74" s="116" t="str">
        <f>SUBSTITUTE(Categorization!Q74,"x",'Categorization (2)'!Q$4)</f>
        <v/>
      </c>
      <c r="R74" s="120" t="str">
        <f>SUBSTITUTE(Categorization!R74,"x",'Categorization (2)'!R$4)</f>
        <v/>
      </c>
      <c r="S74" s="120" t="str">
        <f>SUBSTITUTE(Categorization!S74,"x",'Categorization (2)'!S$4)</f>
        <v/>
      </c>
      <c r="T74" s="120" t="str">
        <f>SUBSTITUTE(Categorization!T74,"x",'Categorization (2)'!T$4)</f>
        <v/>
      </c>
      <c r="U74" s="120" t="str">
        <f>SUBSTITUTE(Categorization!U74,"x",'Categorization (2)'!U$4)</f>
        <v/>
      </c>
      <c r="V74" s="127" t="str">
        <f>SUBSTITUTE(Categorization!V74,"x",'Categorization (2)'!V$4)</f>
        <v/>
      </c>
      <c r="W74" s="127" t="str">
        <f>SUBSTITUTE(Categorization!W74,"x",'Categorization (2)'!W$4)</f>
        <v/>
      </c>
      <c r="X74" s="127" t="str">
        <f>SUBSTITUTE(Categorization!X74,"x",'Categorization (2)'!X$4)</f>
        <v/>
      </c>
      <c r="Y74" s="127" t="str">
        <f>SUBSTITUTE(Categorization!Y74,"x",'Categorization (2)'!Y$4)</f>
        <v/>
      </c>
      <c r="Z74" s="127" t="str">
        <f>SUBSTITUTE(Categorization!Z74,"x",'Categorization (2)'!Z$4)</f>
        <v/>
      </c>
      <c r="AA74" s="124" t="str">
        <f>SUBSTITUTE(Categorization!AA74,"x",'Categorization (2)'!AA$4)</f>
        <v/>
      </c>
      <c r="AB74" s="124" t="str">
        <f>SUBSTITUTE(Categorization!AB74,"x",'Categorization (2)'!AB$4)</f>
        <v/>
      </c>
      <c r="AC74" s="124" t="str">
        <f>SUBSTITUTE(Categorization!AC74,"x",'Categorization (2)'!AC$4)</f>
        <v/>
      </c>
      <c r="AD74" s="124" t="str">
        <f>SUBSTITUTE(Categorization!AD74,"x",'Categorization (2)'!AD$4)</f>
        <v/>
      </c>
      <c r="AE74" s="124" t="str">
        <f>SUBSTITUTE(Categorization!AE74,"x",'Categorization (2)'!AE$4)</f>
        <v/>
      </c>
      <c r="AF74" s="108" t="str">
        <f>SUBSTITUTE(Categorization!AF74,"x",'Categorization (2)'!AF$4)</f>
        <v/>
      </c>
      <c r="AG74" s="108" t="str">
        <f>SUBSTITUTE(Categorization!AG74,"x",'Categorization (2)'!AG$4)</f>
        <v/>
      </c>
      <c r="AH74" s="108" t="str">
        <f>SUBSTITUTE(Categorization!AH74,"x",'Categorization (2)'!AH$4)</f>
        <v/>
      </c>
      <c r="AI74" s="108" t="str">
        <f>SUBSTITUTE(Categorization!AI74,"x",'Categorization (2)'!AI$4)</f>
        <v/>
      </c>
      <c r="AJ74" s="108" t="str">
        <f>SUBSTITUTE(Categorization!AJ74,"x",'Categorization (2)'!AJ$4)</f>
        <v/>
      </c>
      <c r="AK74" s="116" t="str">
        <f>SUBSTITUTE(Categorization!AK74,"x",'Categorization (2)'!AK$4)</f>
        <v/>
      </c>
      <c r="AL74" s="129" t="str">
        <f>SUBSTITUTE(Categorization!AL74,"x",'Categorization (2)'!AL$4)</f>
        <v/>
      </c>
      <c r="AM74" s="129" t="str">
        <f>SUBSTITUTE(Categorization!AM74,"x",'Categorization (2)'!AM$4)</f>
        <v/>
      </c>
      <c r="AN74" s="131" t="str">
        <f>SUBSTITUTE(Categorization!AN74,"x",'Categorization (2)'!AN$4)</f>
        <v/>
      </c>
      <c r="AO74" s="131" t="str">
        <f>SUBSTITUTE(Categorization!AO74,"x",'Categorization (2)'!AO$4)</f>
        <v/>
      </c>
      <c r="AP74" s="131" t="str">
        <f>SUBSTITUTE(Categorization!AP74,"x",'Categorization (2)'!AP$4)</f>
        <v/>
      </c>
      <c r="AQ74" s="131" t="str">
        <f>SUBSTITUTE(Categorization!AQ74,"x",'Categorization (2)'!AQ$4)</f>
        <v/>
      </c>
      <c r="AR74" s="131" t="str">
        <f>SUBSTITUTE(Categorization!AR74,"x",'Categorization (2)'!AR$4)</f>
        <v/>
      </c>
      <c r="AS74" s="131" t="str">
        <f>SUBSTITUTE(Categorization!AS74,"x",'Categorization (2)'!AS$4)</f>
        <v/>
      </c>
      <c r="AT74" s="131" t="str">
        <f>SUBSTITUTE(Categorization!AT74,"x",'Categorization (2)'!AT$4)</f>
        <v/>
      </c>
      <c r="AU74" s="103"/>
      <c r="AV74" s="97"/>
    </row>
    <row r="75" spans="1:48" s="2" customFormat="1" ht="13.5" customHeight="1">
      <c r="A75" s="9"/>
      <c r="B75" s="9" t="s">
        <v>251</v>
      </c>
      <c r="C75" s="5">
        <v>71</v>
      </c>
      <c r="D75" s="7">
        <v>30</v>
      </c>
      <c r="E75" s="7">
        <v>770104</v>
      </c>
      <c r="F75" s="6" t="s">
        <v>30</v>
      </c>
      <c r="G75" s="23"/>
      <c r="H75" s="112" t="str">
        <f>SUBSTITUTE(Categorization!H75,"x",'Categorization (2)'!H$4)</f>
        <v/>
      </c>
      <c r="I75" s="112" t="str">
        <f>SUBSTITUTE(Categorization!I75,"x",'Categorization (2)'!I$4)</f>
        <v/>
      </c>
      <c r="J75" s="112" t="str">
        <f>SUBSTITUTE(Categorization!J75,"x",'Categorization (2)'!J$4)</f>
        <v/>
      </c>
      <c r="K75" s="112" t="str">
        <f>SUBSTITUTE(Categorization!K75,"x",'Categorization (2)'!K$4)</f>
        <v/>
      </c>
      <c r="L75" s="112" t="str">
        <f>SUBSTITUTE(Categorization!L75,"x",'Categorization (2)'!L$4)</f>
        <v/>
      </c>
      <c r="M75" s="112" t="str">
        <f>SUBSTITUTE(Categorization!M75,"x",'Categorization (2)'!M$4)</f>
        <v/>
      </c>
      <c r="N75" s="112" t="str">
        <f>SUBSTITUTE(Categorization!N75,"x",'Categorization (2)'!N$4)</f>
        <v/>
      </c>
      <c r="O75" s="112" t="str">
        <f>SUBSTITUTE(Categorization!O75,"x",'Categorization (2)'!O$4)</f>
        <v/>
      </c>
      <c r="P75" s="116" t="str">
        <f>SUBSTITUTE(Categorization!P75,"x",'Categorization (2)'!P$4)</f>
        <v/>
      </c>
      <c r="Q75" s="116" t="str">
        <f>SUBSTITUTE(Categorization!Q75,"x",'Categorization (2)'!Q$4)</f>
        <v/>
      </c>
      <c r="R75" s="120" t="str">
        <f>SUBSTITUTE(Categorization!R75,"x",'Categorization (2)'!R$4)</f>
        <v/>
      </c>
      <c r="S75" s="120" t="str">
        <f>SUBSTITUTE(Categorization!S75,"x",'Categorization (2)'!S$4)</f>
        <v/>
      </c>
      <c r="T75" s="120" t="str">
        <f>SUBSTITUTE(Categorization!T75,"x",'Categorization (2)'!T$4)</f>
        <v/>
      </c>
      <c r="U75" s="120" t="str">
        <f>SUBSTITUTE(Categorization!U75,"x",'Categorization (2)'!U$4)</f>
        <v/>
      </c>
      <c r="V75" s="127" t="str">
        <f>SUBSTITUTE(Categorization!V75,"x",'Categorization (2)'!V$4)</f>
        <v/>
      </c>
      <c r="W75" s="127" t="str">
        <f>SUBSTITUTE(Categorization!W75,"x",'Categorization (2)'!W$4)</f>
        <v/>
      </c>
      <c r="X75" s="127" t="str">
        <f>SUBSTITUTE(Categorization!X75,"x",'Categorization (2)'!X$4)</f>
        <v/>
      </c>
      <c r="Y75" s="127" t="str">
        <f>SUBSTITUTE(Categorization!Y75,"x",'Categorization (2)'!Y$4)</f>
        <v/>
      </c>
      <c r="Z75" s="127" t="str">
        <f>SUBSTITUTE(Categorization!Z75,"x",'Categorization (2)'!Z$4)</f>
        <v/>
      </c>
      <c r="AA75" s="124" t="str">
        <f>SUBSTITUTE(Categorization!AA75,"x",'Categorization (2)'!AA$4)</f>
        <v/>
      </c>
      <c r="AB75" s="124" t="str">
        <f>SUBSTITUTE(Categorization!AB75,"x",'Categorization (2)'!AB$4)</f>
        <v/>
      </c>
      <c r="AC75" s="124" t="str">
        <f>SUBSTITUTE(Categorization!AC75,"x",'Categorization (2)'!AC$4)</f>
        <v/>
      </c>
      <c r="AD75" s="124" t="str">
        <f>SUBSTITUTE(Categorization!AD75,"x",'Categorization (2)'!AD$4)</f>
        <v/>
      </c>
      <c r="AE75" s="124" t="str">
        <f>SUBSTITUTE(Categorization!AE75,"x",'Categorization (2)'!AE$4)</f>
        <v/>
      </c>
      <c r="AF75" s="108" t="str">
        <f>SUBSTITUTE(Categorization!AF75,"x",'Categorization (2)'!AF$4)</f>
        <v/>
      </c>
      <c r="AG75" s="108" t="str">
        <f>SUBSTITUTE(Categorization!AG75,"x",'Categorization (2)'!AG$4)</f>
        <v/>
      </c>
      <c r="AH75" s="108" t="str">
        <f>SUBSTITUTE(Categorization!AH75,"x",'Categorization (2)'!AH$4)</f>
        <v/>
      </c>
      <c r="AI75" s="108" t="str">
        <f>SUBSTITUTE(Categorization!AI75,"x",'Categorization (2)'!AI$4)</f>
        <v/>
      </c>
      <c r="AJ75" s="108" t="str">
        <f>SUBSTITUTE(Categorization!AJ75,"x",'Categorization (2)'!AJ$4)</f>
        <v/>
      </c>
      <c r="AK75" s="116" t="str">
        <f>SUBSTITUTE(Categorization!AK75,"x",'Categorization (2)'!AK$4)</f>
        <v/>
      </c>
      <c r="AL75" s="129" t="str">
        <f>SUBSTITUTE(Categorization!AL75,"x",'Categorization (2)'!AL$4)</f>
        <v/>
      </c>
      <c r="AM75" s="129" t="str">
        <f>SUBSTITUTE(Categorization!AM75,"x",'Categorization (2)'!AM$4)</f>
        <v/>
      </c>
      <c r="AN75" s="131" t="str">
        <f>SUBSTITUTE(Categorization!AN75,"x",'Categorization (2)'!AN$4)</f>
        <v/>
      </c>
      <c r="AO75" s="131" t="str">
        <f>SUBSTITUTE(Categorization!AO75,"x",'Categorization (2)'!AO$4)</f>
        <v/>
      </c>
      <c r="AP75" s="131" t="str">
        <f>SUBSTITUTE(Categorization!AP75,"x",'Categorization (2)'!AP$4)</f>
        <v/>
      </c>
      <c r="AQ75" s="131" t="str">
        <f>SUBSTITUTE(Categorization!AQ75,"x",'Categorization (2)'!AQ$4)</f>
        <v/>
      </c>
      <c r="AR75" s="131" t="str">
        <f>SUBSTITUTE(Categorization!AR75,"x",'Categorization (2)'!AR$4)</f>
        <v/>
      </c>
      <c r="AS75" s="131" t="str">
        <f>SUBSTITUTE(Categorization!AS75,"x",'Categorization (2)'!AS$4)</f>
        <v/>
      </c>
      <c r="AT75" s="131" t="str">
        <f>SUBSTITUTE(Categorization!AT75,"x",'Categorization (2)'!AT$4)</f>
        <v/>
      </c>
      <c r="AU75" s="103"/>
      <c r="AV75" s="97"/>
    </row>
    <row r="76" spans="1:48" s="2" customFormat="1" ht="13.5" customHeight="1">
      <c r="A76" s="9"/>
      <c r="B76" s="9" t="s">
        <v>261</v>
      </c>
      <c r="C76" s="5">
        <v>72</v>
      </c>
      <c r="D76" s="7">
        <v>100</v>
      </c>
      <c r="E76" s="7">
        <v>774455</v>
      </c>
      <c r="F76" s="6" t="s">
        <v>265</v>
      </c>
      <c r="G76" s="23"/>
      <c r="H76" s="112" t="str">
        <f>SUBSTITUTE(Categorization!H76,"x",'Categorization (2)'!H$4)</f>
        <v/>
      </c>
      <c r="I76" s="112" t="str">
        <f>SUBSTITUTE(Categorization!I76,"x",'Categorization (2)'!I$4)</f>
        <v/>
      </c>
      <c r="J76" s="112" t="str">
        <f>SUBSTITUTE(Categorization!J76,"x",'Categorization (2)'!J$4)</f>
        <v/>
      </c>
      <c r="K76" s="112" t="str">
        <f>SUBSTITUTE(Categorization!K76,"x",'Categorization (2)'!K$4)</f>
        <v/>
      </c>
      <c r="L76" s="112" t="str">
        <f>SUBSTITUTE(Categorization!L76,"x",'Categorization (2)'!L$4)</f>
        <v/>
      </c>
      <c r="M76" s="112" t="str">
        <f>SUBSTITUTE(Categorization!M76,"x",'Categorization (2)'!M$4)</f>
        <v/>
      </c>
      <c r="N76" s="112" t="str">
        <f>SUBSTITUTE(Categorization!N76,"x",'Categorization (2)'!N$4)</f>
        <v/>
      </c>
      <c r="O76" s="112" t="str">
        <f>SUBSTITUTE(Categorization!O76,"x",'Categorization (2)'!O$4)</f>
        <v/>
      </c>
      <c r="P76" s="116" t="str">
        <f>SUBSTITUTE(Categorization!P76,"x",'Categorization (2)'!P$4)</f>
        <v/>
      </c>
      <c r="Q76" s="116" t="str">
        <f>SUBSTITUTE(Categorization!Q76,"x",'Categorization (2)'!Q$4)</f>
        <v/>
      </c>
      <c r="R76" s="120" t="str">
        <f>SUBSTITUTE(Categorization!R76,"x",'Categorization (2)'!R$4)</f>
        <v/>
      </c>
      <c r="S76" s="120" t="str">
        <f>SUBSTITUTE(Categorization!S76,"x",'Categorization (2)'!S$4)</f>
        <v/>
      </c>
      <c r="T76" s="120" t="str">
        <f>SUBSTITUTE(Categorization!T76,"x",'Categorization (2)'!T$4)</f>
        <v xml:space="preserve">Higiena/ Artykuły higieniczne/ Podkłady higieniczne/ </v>
      </c>
      <c r="U76" s="120" t="str">
        <f>SUBSTITUTE(Categorization!U76,"x",'Categorization (2)'!U$4)</f>
        <v/>
      </c>
      <c r="V76" s="127" t="str">
        <f>SUBSTITUTE(Categorization!V76,"x",'Categorization (2)'!V$4)</f>
        <v/>
      </c>
      <c r="W76" s="127" t="str">
        <f>SUBSTITUTE(Categorization!W76,"x",'Categorization (2)'!W$4)</f>
        <v/>
      </c>
      <c r="X76" s="127" t="str">
        <f>SUBSTITUTE(Categorization!X76,"x",'Categorization (2)'!X$4)</f>
        <v xml:space="preserve">Środki opatrunkowe i higeniczne/ Podkłady higieniczne/ </v>
      </c>
      <c r="Y76" s="127" t="str">
        <f>SUBSTITUTE(Categorization!Y76,"x",'Categorization (2)'!Y$4)</f>
        <v/>
      </c>
      <c r="Z76" s="127" t="str">
        <f>SUBSTITUTE(Categorization!Z76,"x",'Categorization (2)'!Z$4)</f>
        <v/>
      </c>
      <c r="AA76" s="124" t="str">
        <f>SUBSTITUTE(Categorization!AA76,"x",'Categorization (2)'!AA$4)</f>
        <v/>
      </c>
      <c r="AB76" s="124" t="str">
        <f>SUBSTITUTE(Categorization!AB76,"x",'Categorization (2)'!AB$4)</f>
        <v/>
      </c>
      <c r="AC76" s="124" t="str">
        <f>SUBSTITUTE(Categorization!AC76,"x",'Categorization (2)'!AC$4)</f>
        <v/>
      </c>
      <c r="AD76" s="124" t="str">
        <f>SUBSTITUTE(Categorization!AD76,"x",'Categorization (2)'!AD$4)</f>
        <v/>
      </c>
      <c r="AE76" s="124" t="str">
        <f>SUBSTITUTE(Categorization!AE76,"x",'Categorization (2)'!AE$4)</f>
        <v/>
      </c>
      <c r="AF76" s="108" t="str">
        <f>SUBSTITUTE(Categorization!AF76,"x",'Categorization (2)'!AF$4)</f>
        <v/>
      </c>
      <c r="AG76" s="108" t="str">
        <f>SUBSTITUTE(Categorization!AG76,"x",'Categorization (2)'!AG$4)</f>
        <v/>
      </c>
      <c r="AH76" s="108" t="str">
        <f>SUBSTITUTE(Categorization!AH76,"x",'Categorization (2)'!AH$4)</f>
        <v/>
      </c>
      <c r="AI76" s="108" t="str">
        <f>SUBSTITUTE(Categorization!AI76,"x",'Categorization (2)'!AI$4)</f>
        <v xml:space="preserve">Drogi moczowe/ nietrzymanie moczu/ Podkłady nieprzemakalne/ Prześcieradła/ </v>
      </c>
      <c r="AJ76" s="108" t="str">
        <f>SUBSTITUTE(Categorization!AJ76,"x",'Categorization (2)'!AJ$4)</f>
        <v/>
      </c>
      <c r="AK76" s="116" t="str">
        <f>SUBSTITUTE(Categorization!AK76,"x",'Categorization (2)'!AK$4)</f>
        <v/>
      </c>
      <c r="AL76" s="129" t="str">
        <f>SUBSTITUTE(Categorization!AL76,"x",'Categorization (2)'!AL$4)</f>
        <v/>
      </c>
      <c r="AM76" s="129" t="str">
        <f>SUBSTITUTE(Categorization!AM76,"x",'Categorization (2)'!AM$4)</f>
        <v/>
      </c>
      <c r="AN76" s="131" t="str">
        <f>SUBSTITUTE(Categorization!AN76,"x",'Categorization (2)'!AN$4)</f>
        <v/>
      </c>
      <c r="AO76" s="131" t="str">
        <f>SUBSTITUTE(Categorization!AO76,"x",'Categorization (2)'!AO$4)</f>
        <v xml:space="preserve">Sklep rehabilitacyjny/ Higiena i pielęgnacja chorych/ </v>
      </c>
      <c r="AP76" s="131" t="str">
        <f>SUBSTITUTE(Categorization!AP76,"x",'Categorization (2)'!AP$4)</f>
        <v xml:space="preserve">Sklep rehabilitacyjny/ Dla pacjenta leżącego/ </v>
      </c>
      <c r="AQ76" s="131" t="str">
        <f>SUBSTITUTE(Categorization!AQ76,"x",'Categorization (2)'!AQ$4)</f>
        <v xml:space="preserve">Sklep rehabilitacyjny/ Podkłady nieprzemakalne/ Prześcieradła/ </v>
      </c>
      <c r="AR76" s="131" t="str">
        <f>SUBSTITUTE(Categorization!AR76,"x",'Categorization (2)'!AR$4)</f>
        <v/>
      </c>
      <c r="AS76" s="131" t="str">
        <f>SUBSTITUTE(Categorization!AS76,"x",'Categorization (2)'!AS$4)</f>
        <v xml:space="preserve">Sklep rehabilitacyjny/ Akcesoria dla osób starszych i niepełnosprawnych/ </v>
      </c>
      <c r="AT76" s="131" t="str">
        <f>SUBSTITUTE(Categorization!AT76,"x",'Categorization (2)'!AT$4)</f>
        <v/>
      </c>
      <c r="AU76" s="103"/>
      <c r="AV76" s="97"/>
    </row>
    <row r="77" spans="1:48" s="2" customFormat="1" ht="13.5" customHeight="1">
      <c r="A77" s="9"/>
      <c r="B77" s="9" t="s">
        <v>49</v>
      </c>
      <c r="C77" s="5">
        <v>73</v>
      </c>
      <c r="D77" s="7">
        <v>150</v>
      </c>
      <c r="E77" s="7">
        <v>720511</v>
      </c>
      <c r="F77" s="6" t="s">
        <v>20</v>
      </c>
      <c r="G77" s="23"/>
      <c r="H77" s="112" t="str">
        <f>SUBSTITUTE(Categorization!H77,"x",'Categorization (2)'!H$4)</f>
        <v/>
      </c>
      <c r="I77" s="112" t="str">
        <f>SUBSTITUTE(Categorization!I77,"x",'Categorization (2)'!I$4)</f>
        <v/>
      </c>
      <c r="J77" s="112" t="str">
        <f>SUBSTITUTE(Categorization!J77,"x",'Categorization (2)'!J$4)</f>
        <v/>
      </c>
      <c r="K77" s="112" t="str">
        <f>SUBSTITUTE(Categorization!K77,"x",'Categorization (2)'!K$4)</f>
        <v/>
      </c>
      <c r="L77" s="112" t="str">
        <f>SUBSTITUTE(Categorization!L77,"x",'Categorization (2)'!L$4)</f>
        <v/>
      </c>
      <c r="M77" s="112" t="str">
        <f>SUBSTITUTE(Categorization!M77,"x",'Categorization (2)'!M$4)</f>
        <v/>
      </c>
      <c r="N77" s="112" t="str">
        <f>SUBSTITUTE(Categorization!N77,"x",'Categorization (2)'!N$4)</f>
        <v/>
      </c>
      <c r="O77" s="112" t="str">
        <f>SUBSTITUTE(Categorization!O77,"x",'Categorization (2)'!O$4)</f>
        <v/>
      </c>
      <c r="P77" s="116" t="str">
        <f>SUBSTITUTE(Categorization!P77,"x",'Categorization (2)'!P$4)</f>
        <v/>
      </c>
      <c r="Q77" s="116" t="str">
        <f>SUBSTITUTE(Categorization!Q77,"x",'Categorization (2)'!Q$4)</f>
        <v/>
      </c>
      <c r="R77" s="120" t="str">
        <f>SUBSTITUTE(Categorization!R77,"x",'Categorization (2)'!R$4)</f>
        <v/>
      </c>
      <c r="S77" s="120" t="str">
        <f>SUBSTITUTE(Categorization!S77,"x",'Categorization (2)'!S$4)</f>
        <v/>
      </c>
      <c r="T77" s="120" t="str">
        <f>SUBSTITUTE(Categorization!T77,"x",'Categorization (2)'!T$4)</f>
        <v/>
      </c>
      <c r="U77" s="120" t="str">
        <f>SUBSTITUTE(Categorization!U77,"x",'Categorization (2)'!U$4)</f>
        <v/>
      </c>
      <c r="V77" s="127" t="str">
        <f>SUBSTITUTE(Categorization!V77,"x",'Categorization (2)'!V$4)</f>
        <v/>
      </c>
      <c r="W77" s="127" t="str">
        <f>SUBSTITUTE(Categorization!W77,"x",'Categorization (2)'!W$4)</f>
        <v/>
      </c>
      <c r="X77" s="127" t="str">
        <f>SUBSTITUTE(Categorization!X77,"x",'Categorization (2)'!X$4)</f>
        <v/>
      </c>
      <c r="Y77" s="127" t="str">
        <f>SUBSTITUTE(Categorization!Y77,"x",'Categorization (2)'!Y$4)</f>
        <v/>
      </c>
      <c r="Z77" s="127" t="str">
        <f>SUBSTITUTE(Categorization!Z77,"x",'Categorization (2)'!Z$4)</f>
        <v/>
      </c>
      <c r="AA77" s="124" t="str">
        <f>SUBSTITUTE(Categorization!AA77,"x",'Categorization (2)'!AA$4)</f>
        <v/>
      </c>
      <c r="AB77" s="124" t="str">
        <f>SUBSTITUTE(Categorization!AB77,"x",'Categorization (2)'!AB$4)</f>
        <v/>
      </c>
      <c r="AC77" s="124" t="str">
        <f>SUBSTITUTE(Categorization!AC77,"x",'Categorization (2)'!AC$4)</f>
        <v/>
      </c>
      <c r="AD77" s="124" t="str">
        <f>SUBSTITUTE(Categorization!AD77,"x",'Categorization (2)'!AD$4)</f>
        <v/>
      </c>
      <c r="AE77" s="124" t="str">
        <f>SUBSTITUTE(Categorization!AE77,"x",'Categorization (2)'!AE$4)</f>
        <v/>
      </c>
      <c r="AF77" s="108" t="str">
        <f>SUBSTITUTE(Categorization!AF77,"x",'Categorization (2)'!AF$4)</f>
        <v/>
      </c>
      <c r="AG77" s="108" t="str">
        <f>SUBSTITUTE(Categorization!AG77,"x",'Categorization (2)'!AG$4)</f>
        <v/>
      </c>
      <c r="AH77" s="108" t="str">
        <f>SUBSTITUTE(Categorization!AH77,"x",'Categorization (2)'!AH$4)</f>
        <v/>
      </c>
      <c r="AI77" s="108" t="str">
        <f>SUBSTITUTE(Categorization!AI77,"x",'Categorization (2)'!AI$4)</f>
        <v/>
      </c>
      <c r="AJ77" s="108" t="str">
        <f>SUBSTITUTE(Categorization!AJ77,"x",'Categorization (2)'!AJ$4)</f>
        <v/>
      </c>
      <c r="AK77" s="116" t="str">
        <f>SUBSTITUTE(Categorization!AK77,"x",'Categorization (2)'!AK$4)</f>
        <v/>
      </c>
      <c r="AL77" s="129" t="str">
        <f>SUBSTITUTE(Categorization!AL77,"x",'Categorization (2)'!AL$4)</f>
        <v/>
      </c>
      <c r="AM77" s="129" t="str">
        <f>SUBSTITUTE(Categorization!AM77,"x",'Categorization (2)'!AM$4)</f>
        <v/>
      </c>
      <c r="AN77" s="131" t="str">
        <f>SUBSTITUTE(Categorization!AN77,"x",'Categorization (2)'!AN$4)</f>
        <v/>
      </c>
      <c r="AO77" s="131" t="str">
        <f>SUBSTITUTE(Categorization!AO77,"x",'Categorization (2)'!AO$4)</f>
        <v xml:space="preserve">Sklep rehabilitacyjny/ Higiena i pielęgnacja chorych/ </v>
      </c>
      <c r="AP77" s="131" t="str">
        <f>SUBSTITUTE(Categorization!AP77,"x",'Categorization (2)'!AP$4)</f>
        <v xml:space="preserve">Sklep rehabilitacyjny/ Dla pacjenta leżącego/ </v>
      </c>
      <c r="AQ77" s="131" t="str">
        <f>SUBSTITUTE(Categorization!AQ77,"x",'Categorization (2)'!AQ$4)</f>
        <v/>
      </c>
      <c r="AR77" s="131" t="str">
        <f>SUBSTITUTE(Categorization!AR77,"x",'Categorization (2)'!AR$4)</f>
        <v/>
      </c>
      <c r="AS77" s="131" t="str">
        <f>SUBSTITUTE(Categorization!AS77,"x",'Categorization (2)'!AS$4)</f>
        <v xml:space="preserve">Sklep rehabilitacyjny/ Akcesoria dla osób starszych i niepełnosprawnych/ </v>
      </c>
      <c r="AT77" s="131" t="str">
        <f>SUBSTITUTE(Categorization!AT77,"x",'Categorization (2)'!AT$4)</f>
        <v/>
      </c>
      <c r="AU77" s="103"/>
      <c r="AV77" s="97"/>
    </row>
    <row r="78" spans="1:48" s="2" customFormat="1" ht="13.5" customHeight="1">
      <c r="A78" s="9"/>
      <c r="B78" s="9" t="s">
        <v>65</v>
      </c>
      <c r="C78" s="5">
        <v>74</v>
      </c>
      <c r="D78" s="11">
        <v>30</v>
      </c>
      <c r="E78" s="11">
        <v>5369</v>
      </c>
      <c r="F78" s="6" t="s">
        <v>63</v>
      </c>
      <c r="G78" s="23"/>
      <c r="H78" s="112" t="str">
        <f>SUBSTITUTE(Categorization!H78,"x",'Categorization (2)'!H$4)</f>
        <v/>
      </c>
      <c r="I78" s="112" t="str">
        <f>SUBSTITUTE(Categorization!I78,"x",'Categorization (2)'!I$4)</f>
        <v/>
      </c>
      <c r="J78" s="112" t="str">
        <f>SUBSTITUTE(Categorization!J78,"x",'Categorization (2)'!J$4)</f>
        <v/>
      </c>
      <c r="K78" s="112" t="str">
        <f>SUBSTITUTE(Categorization!K78,"x",'Categorization (2)'!K$4)</f>
        <v/>
      </c>
      <c r="L78" s="112" t="str">
        <f>SUBSTITUTE(Categorization!L78,"x",'Categorization (2)'!L$4)</f>
        <v/>
      </c>
      <c r="M78" s="112" t="str">
        <f>SUBSTITUTE(Categorization!M78,"x",'Categorization (2)'!M$4)</f>
        <v/>
      </c>
      <c r="N78" s="112" t="str">
        <f>SUBSTITUTE(Categorization!N78,"x",'Categorization (2)'!N$4)</f>
        <v/>
      </c>
      <c r="O78" s="112" t="str">
        <f>SUBSTITUTE(Categorization!O78,"x",'Categorization (2)'!O$4)</f>
        <v/>
      </c>
      <c r="P78" s="116" t="str">
        <f>SUBSTITUTE(Categorization!P78,"x",'Categorization (2)'!P$4)</f>
        <v/>
      </c>
      <c r="Q78" s="116" t="str">
        <f>SUBSTITUTE(Categorization!Q78,"x",'Categorization (2)'!Q$4)</f>
        <v/>
      </c>
      <c r="R78" s="120" t="str">
        <f>SUBSTITUTE(Categorization!R78,"x",'Categorization (2)'!R$4)</f>
        <v/>
      </c>
      <c r="S78" s="120" t="str">
        <f>SUBSTITUTE(Categorization!S78,"x",'Categorization (2)'!S$4)</f>
        <v/>
      </c>
      <c r="T78" s="120" t="str">
        <f>SUBSTITUTE(Categorization!T78,"x",'Categorization (2)'!T$4)</f>
        <v xml:space="preserve">Higiena/ Artykuły higieniczne/ Podkłady higieniczne/ </v>
      </c>
      <c r="U78" s="120" t="str">
        <f>SUBSTITUTE(Categorization!U78,"x",'Categorization (2)'!U$4)</f>
        <v/>
      </c>
      <c r="V78" s="127" t="str">
        <f>SUBSTITUTE(Categorization!V78,"x",'Categorization (2)'!V$4)</f>
        <v/>
      </c>
      <c r="W78" s="127" t="str">
        <f>SUBSTITUTE(Categorization!W78,"x",'Categorization (2)'!W$4)</f>
        <v/>
      </c>
      <c r="X78" s="127" t="str">
        <f>SUBSTITUTE(Categorization!X78,"x",'Categorization (2)'!X$4)</f>
        <v xml:space="preserve">Środki opatrunkowe i higeniczne/ Podkłady higieniczne/ </v>
      </c>
      <c r="Y78" s="127" t="str">
        <f>SUBSTITUTE(Categorization!Y78,"x",'Categorization (2)'!Y$4)</f>
        <v/>
      </c>
      <c r="Z78" s="127" t="str">
        <f>SUBSTITUTE(Categorization!Z78,"x",'Categorization (2)'!Z$4)</f>
        <v/>
      </c>
      <c r="AA78" s="124" t="str">
        <f>SUBSTITUTE(Categorization!AA78,"x",'Categorization (2)'!AA$4)</f>
        <v xml:space="preserve">Ciąża i dziecko/ Mama i dziecko/ Wyprawka do szpitala/ </v>
      </c>
      <c r="AB78" s="124" t="str">
        <f>SUBSTITUTE(Categorization!AB78,"x",'Categorization (2)'!AB$4)</f>
        <v/>
      </c>
      <c r="AC78" s="124" t="str">
        <f>SUBSTITUTE(Categorization!AC78,"x",'Categorization (2)'!AC$4)</f>
        <v xml:space="preserve">Ciąża i dziecko/ Mama i dziecko/ Majtki i wkładki poporodowe/ </v>
      </c>
      <c r="AD78" s="124" t="str">
        <f>SUBSTITUTE(Categorization!AD78,"x",'Categorization (2)'!AD$4)</f>
        <v xml:space="preserve">Ciąża i dziecko/ Mama i dziecko/ Pieluszki, majteczki, (podkłady)/ </v>
      </c>
      <c r="AE78" s="124" t="str">
        <f>SUBSTITUTE(Categorization!AE78,"x",'Categorization (2)'!AE$4)</f>
        <v/>
      </c>
      <c r="AF78" s="108" t="str">
        <f>SUBSTITUTE(Categorization!AF78,"x",'Categorization (2)'!AF$4)</f>
        <v/>
      </c>
      <c r="AG78" s="108" t="str">
        <f>SUBSTITUTE(Categorization!AG78,"x",'Categorization (2)'!AG$4)</f>
        <v/>
      </c>
      <c r="AH78" s="108" t="str">
        <f>SUBSTITUTE(Categorization!AH78,"x",'Categorization (2)'!AH$4)</f>
        <v/>
      </c>
      <c r="AI78" s="108" t="str">
        <f>SUBSTITUTE(Categorization!AI78,"x",'Categorization (2)'!AI$4)</f>
        <v xml:space="preserve">Drogi moczowe/ nietrzymanie moczu/ Podkłady nieprzemakalne/ Prześcieradła/ </v>
      </c>
      <c r="AJ78" s="108" t="str">
        <f>SUBSTITUTE(Categorization!AJ78,"x",'Categorization (2)'!AJ$4)</f>
        <v/>
      </c>
      <c r="AK78" s="116" t="str">
        <f>SUBSTITUTE(Categorization!AK78,"x",'Categorization (2)'!AK$4)</f>
        <v/>
      </c>
      <c r="AL78" s="129" t="str">
        <f>SUBSTITUTE(Categorization!AL78,"x",'Categorization (2)'!AL$4)</f>
        <v/>
      </c>
      <c r="AM78" s="129" t="str">
        <f>SUBSTITUTE(Categorization!AM78,"x",'Categorization (2)'!AM$4)</f>
        <v/>
      </c>
      <c r="AN78" s="131" t="str">
        <f>SUBSTITUTE(Categorization!AN78,"x",'Categorization (2)'!AN$4)</f>
        <v/>
      </c>
      <c r="AO78" s="131" t="str">
        <f>SUBSTITUTE(Categorization!AO78,"x",'Categorization (2)'!AO$4)</f>
        <v/>
      </c>
      <c r="AP78" s="131" t="str">
        <f>SUBSTITUTE(Categorization!AP78,"x",'Categorization (2)'!AP$4)</f>
        <v xml:space="preserve">Sklep rehabilitacyjny/ Dla pacjenta leżącego/ </v>
      </c>
      <c r="AQ78" s="131" t="str">
        <f>SUBSTITUTE(Categorization!AQ78,"x",'Categorization (2)'!AQ$4)</f>
        <v xml:space="preserve">Sklep rehabilitacyjny/ Podkłady nieprzemakalne/ Prześcieradła/ </v>
      </c>
      <c r="AR78" s="131" t="str">
        <f>SUBSTITUTE(Categorization!AR78,"x",'Categorization (2)'!AR$4)</f>
        <v xml:space="preserve">Sklep rehabilitacyjny/ Artykuły medyczne i rehabilitacyjne/ </v>
      </c>
      <c r="AS78" s="131" t="str">
        <f>SUBSTITUTE(Categorization!AS78,"x",'Categorization (2)'!AS$4)</f>
        <v xml:space="preserve">Sklep rehabilitacyjny/ Akcesoria dla osób starszych i niepełnosprawnych/ </v>
      </c>
      <c r="AT78" s="131" t="str">
        <f>SUBSTITUTE(Categorization!AT78,"x",'Categorization (2)'!AT$4)</f>
        <v/>
      </c>
      <c r="AU78" s="103"/>
      <c r="AV78" s="97"/>
    </row>
    <row r="79" spans="1:48" s="2" customFormat="1" ht="13.5" customHeight="1">
      <c r="A79" s="9"/>
      <c r="B79" s="9" t="s">
        <v>65</v>
      </c>
      <c r="C79" s="5">
        <v>75</v>
      </c>
      <c r="D79" s="11">
        <v>30</v>
      </c>
      <c r="E79" s="11">
        <v>5619</v>
      </c>
      <c r="F79" s="6" t="s">
        <v>64</v>
      </c>
      <c r="G79" s="23"/>
      <c r="H79" s="112" t="str">
        <f>SUBSTITUTE(Categorization!H79,"x",'Categorization (2)'!H$4)</f>
        <v/>
      </c>
      <c r="I79" s="112" t="str">
        <f>SUBSTITUTE(Categorization!I79,"x",'Categorization (2)'!I$4)</f>
        <v/>
      </c>
      <c r="J79" s="112" t="str">
        <f>SUBSTITUTE(Categorization!J79,"x",'Categorization (2)'!J$4)</f>
        <v/>
      </c>
      <c r="K79" s="112" t="str">
        <f>SUBSTITUTE(Categorization!K79,"x",'Categorization (2)'!K$4)</f>
        <v/>
      </c>
      <c r="L79" s="112" t="str">
        <f>SUBSTITUTE(Categorization!L79,"x",'Categorization (2)'!L$4)</f>
        <v/>
      </c>
      <c r="M79" s="112" t="str">
        <f>SUBSTITUTE(Categorization!M79,"x",'Categorization (2)'!M$4)</f>
        <v/>
      </c>
      <c r="N79" s="112" t="str">
        <f>SUBSTITUTE(Categorization!N79,"x",'Categorization (2)'!N$4)</f>
        <v/>
      </c>
      <c r="O79" s="112" t="str">
        <f>SUBSTITUTE(Categorization!O79,"x",'Categorization (2)'!O$4)</f>
        <v/>
      </c>
      <c r="P79" s="116" t="str">
        <f>SUBSTITUTE(Categorization!P79,"x",'Categorization (2)'!P$4)</f>
        <v/>
      </c>
      <c r="Q79" s="116" t="str">
        <f>SUBSTITUTE(Categorization!Q79,"x",'Categorization (2)'!Q$4)</f>
        <v/>
      </c>
      <c r="R79" s="120" t="str">
        <f>SUBSTITUTE(Categorization!R79,"x",'Categorization (2)'!R$4)</f>
        <v/>
      </c>
      <c r="S79" s="120" t="str">
        <f>SUBSTITUTE(Categorization!S79,"x",'Categorization (2)'!S$4)</f>
        <v/>
      </c>
      <c r="T79" s="120" t="str">
        <f>SUBSTITUTE(Categorization!T79,"x",'Categorization (2)'!T$4)</f>
        <v xml:space="preserve">Higiena/ Artykuły higieniczne/ Podkłady higieniczne/ </v>
      </c>
      <c r="U79" s="120" t="str">
        <f>SUBSTITUTE(Categorization!U79,"x",'Categorization (2)'!U$4)</f>
        <v/>
      </c>
      <c r="V79" s="127" t="str">
        <f>SUBSTITUTE(Categorization!V79,"x",'Categorization (2)'!V$4)</f>
        <v/>
      </c>
      <c r="W79" s="127" t="str">
        <f>SUBSTITUTE(Categorization!W79,"x",'Categorization (2)'!W$4)</f>
        <v/>
      </c>
      <c r="X79" s="127" t="str">
        <f>SUBSTITUTE(Categorization!X79,"x",'Categorization (2)'!X$4)</f>
        <v xml:space="preserve">Środki opatrunkowe i higeniczne/ Podkłady higieniczne/ </v>
      </c>
      <c r="Y79" s="127" t="str">
        <f>SUBSTITUTE(Categorization!Y79,"x",'Categorization (2)'!Y$4)</f>
        <v/>
      </c>
      <c r="Z79" s="127" t="str">
        <f>SUBSTITUTE(Categorization!Z79,"x",'Categorization (2)'!Z$4)</f>
        <v/>
      </c>
      <c r="AA79" s="124" t="str">
        <f>SUBSTITUTE(Categorization!AA79,"x",'Categorization (2)'!AA$4)</f>
        <v/>
      </c>
      <c r="AB79" s="124" t="str">
        <f>SUBSTITUTE(Categorization!AB79,"x",'Categorization (2)'!AB$4)</f>
        <v/>
      </c>
      <c r="AC79" s="124" t="str">
        <f>SUBSTITUTE(Categorization!AC79,"x",'Categorization (2)'!AC$4)</f>
        <v xml:space="preserve">Ciąża i dziecko/ Mama i dziecko/ Majtki i wkładki poporodowe/ </v>
      </c>
      <c r="AD79" s="124" t="str">
        <f>SUBSTITUTE(Categorization!AD79,"x",'Categorization (2)'!AD$4)</f>
        <v xml:space="preserve">Ciąża i dziecko/ Mama i dziecko/ Pieluszki, majteczki, (podkłady)/ </v>
      </c>
      <c r="AE79" s="124" t="str">
        <f>SUBSTITUTE(Categorization!AE79,"x",'Categorization (2)'!AE$4)</f>
        <v/>
      </c>
      <c r="AF79" s="108" t="str">
        <f>SUBSTITUTE(Categorization!AF79,"x",'Categorization (2)'!AF$4)</f>
        <v/>
      </c>
      <c r="AG79" s="108" t="str">
        <f>SUBSTITUTE(Categorization!AG79,"x",'Categorization (2)'!AG$4)</f>
        <v/>
      </c>
      <c r="AH79" s="108" t="str">
        <f>SUBSTITUTE(Categorization!AH79,"x",'Categorization (2)'!AH$4)</f>
        <v/>
      </c>
      <c r="AI79" s="108" t="str">
        <f>SUBSTITUTE(Categorization!AI79,"x",'Categorization (2)'!AI$4)</f>
        <v xml:space="preserve">Drogi moczowe/ nietrzymanie moczu/ Podkłady nieprzemakalne/ Prześcieradła/ </v>
      </c>
      <c r="AJ79" s="108" t="str">
        <f>SUBSTITUTE(Categorization!AJ79,"x",'Categorization (2)'!AJ$4)</f>
        <v/>
      </c>
      <c r="AK79" s="116" t="str">
        <f>SUBSTITUTE(Categorization!AK79,"x",'Categorization (2)'!AK$4)</f>
        <v/>
      </c>
      <c r="AL79" s="129" t="str">
        <f>SUBSTITUTE(Categorization!AL79,"x",'Categorization (2)'!AL$4)</f>
        <v/>
      </c>
      <c r="AM79" s="129" t="str">
        <f>SUBSTITUTE(Categorization!AM79,"x",'Categorization (2)'!AM$4)</f>
        <v/>
      </c>
      <c r="AN79" s="131" t="str">
        <f>SUBSTITUTE(Categorization!AN79,"x",'Categorization (2)'!AN$4)</f>
        <v/>
      </c>
      <c r="AO79" s="131" t="str">
        <f>SUBSTITUTE(Categorization!AO79,"x",'Categorization (2)'!AO$4)</f>
        <v/>
      </c>
      <c r="AP79" s="131" t="str">
        <f>SUBSTITUTE(Categorization!AP79,"x",'Categorization (2)'!AP$4)</f>
        <v xml:space="preserve">Sklep rehabilitacyjny/ Dla pacjenta leżącego/ </v>
      </c>
      <c r="AQ79" s="131" t="str">
        <f>SUBSTITUTE(Categorization!AQ79,"x",'Categorization (2)'!AQ$4)</f>
        <v xml:space="preserve">Sklep rehabilitacyjny/ Podkłady nieprzemakalne/ Prześcieradła/ </v>
      </c>
      <c r="AR79" s="131" t="str">
        <f>SUBSTITUTE(Categorization!AR79,"x",'Categorization (2)'!AR$4)</f>
        <v xml:space="preserve">Sklep rehabilitacyjny/ Artykuły medyczne i rehabilitacyjne/ </v>
      </c>
      <c r="AS79" s="131" t="str">
        <f>SUBSTITUTE(Categorization!AS79,"x",'Categorization (2)'!AS$4)</f>
        <v xml:space="preserve">Sklep rehabilitacyjny/ Akcesoria dla osób starszych i niepełnosprawnych/ </v>
      </c>
      <c r="AT79" s="131" t="str">
        <f>SUBSTITUTE(Categorization!AT79,"x",'Categorization (2)'!AT$4)</f>
        <v/>
      </c>
      <c r="AU79" s="103"/>
      <c r="AV79" s="97"/>
    </row>
    <row r="80" spans="1:48" s="2" customFormat="1" ht="13.5" customHeight="1">
      <c r="A80" s="9"/>
      <c r="B80" s="9" t="s">
        <v>80</v>
      </c>
      <c r="C80" s="5">
        <v>1</v>
      </c>
      <c r="D80" s="7" t="s">
        <v>32</v>
      </c>
      <c r="E80" s="7">
        <v>4250</v>
      </c>
      <c r="F80" s="6" t="s">
        <v>31</v>
      </c>
      <c r="G80" s="23"/>
      <c r="H80" s="112" t="str">
        <f>SUBSTITUTE(Categorization!H80,"x",'Categorization (2)'!H$4)</f>
        <v/>
      </c>
      <c r="I80" s="112" t="str">
        <f>SUBSTITUTE(Categorization!I80,"x",'Categorization (2)'!I$4)</f>
        <v>Kosmetyki/ dermo-kosmetyki/ Pielęgnacja/ Preparaty nawilżające</v>
      </c>
      <c r="J80" s="112" t="str">
        <f>SUBSTITUTE(Categorization!J80,"x",'Categorization (2)'!J$4)</f>
        <v/>
      </c>
      <c r="K80" s="112" t="str">
        <f>SUBSTITUTE(Categorization!K80,"x",'Categorization (2)'!K$4)</f>
        <v/>
      </c>
      <c r="L80" s="112" t="str">
        <f>SUBSTITUTE(Categorization!L80,"x",'Categorization (2)'!L$4)</f>
        <v>Kosmetyki/ dermo-kosmetyki/ Pielęgnacja/ Skóra sucha</v>
      </c>
      <c r="M80" s="112" t="str">
        <f>SUBSTITUTE(Categorization!M80,"x",'Categorization (2)'!M$4)</f>
        <v>Kosmetyki/ dermo-kosmetyki/ Pielęgnacja/ Skóra wrażliwa i alergiczna</v>
      </c>
      <c r="N80" s="112" t="str">
        <f>SUBSTITUTE(Categorization!N80,"x",'Categorization (2)'!N$4)</f>
        <v/>
      </c>
      <c r="O80" s="112" t="str">
        <f>SUBSTITUTE(Categorization!O80,"x",'Categorization (2)'!O$4)</f>
        <v>Kosmetyki/ dermo-kosmetyki/ Pielęgnacja/ Żele, emulsje, płyny, pianki do kąpieli / Do kąpieli i pod prysznic</v>
      </c>
      <c r="P80" s="116" t="str">
        <f>SUBSTITUTE(Categorization!P80,"x",'Categorization (2)'!P$4)</f>
        <v/>
      </c>
      <c r="Q80" s="116" t="str">
        <f>SUBSTITUTE(Categorization!Q80,"x",'Categorization (2)'!Q$4)</f>
        <v/>
      </c>
      <c r="R80" s="120" t="str">
        <f>SUBSTITUTE(Categorization!R80,"x",'Categorization (2)'!R$4)</f>
        <v/>
      </c>
      <c r="S80" s="120" t="str">
        <f>SUBSTITUTE(Categorization!S80,"x",'Categorization (2)'!S$4)</f>
        <v xml:space="preserve">Higiena/ Artykuły higieniczne/ Żele, emulsje, płyny, pianki do kąpieli / Do kąpieli i pod prysznic/ </v>
      </c>
      <c r="T80" s="120" t="str">
        <f>SUBSTITUTE(Categorization!T80,"x",'Categorization (2)'!T$4)</f>
        <v/>
      </c>
      <c r="U80" s="120" t="str">
        <f>SUBSTITUTE(Categorization!U80,"x",'Categorization (2)'!U$4)</f>
        <v/>
      </c>
      <c r="V80" s="127" t="str">
        <f>SUBSTITUTE(Categorization!V80,"x",'Categorization (2)'!V$4)</f>
        <v/>
      </c>
      <c r="W80" s="127" t="str">
        <f>SUBSTITUTE(Categorization!W80,"x",'Categorization (2)'!W$4)</f>
        <v/>
      </c>
      <c r="X80" s="127" t="str">
        <f>SUBSTITUTE(Categorization!X80,"x",'Categorization (2)'!X$4)</f>
        <v/>
      </c>
      <c r="Y80" s="127" t="str">
        <f>SUBSTITUTE(Categorization!Y80,"x",'Categorization (2)'!Y$4)</f>
        <v/>
      </c>
      <c r="Z80" s="127" t="str">
        <f>SUBSTITUTE(Categorization!Z80,"x",'Categorization (2)'!Z$4)</f>
        <v/>
      </c>
      <c r="AA80" s="124" t="str">
        <f>SUBSTITUTE(Categorization!AA80,"x",'Categorization (2)'!AA$4)</f>
        <v/>
      </c>
      <c r="AB80" s="124" t="str">
        <f>SUBSTITUTE(Categorization!AB80,"x",'Categorization (2)'!AB$4)</f>
        <v/>
      </c>
      <c r="AC80" s="124" t="str">
        <f>SUBSTITUTE(Categorization!AC80,"x",'Categorization (2)'!AC$4)</f>
        <v/>
      </c>
      <c r="AD80" s="124" t="str">
        <f>SUBSTITUTE(Categorization!AD80,"x",'Categorization (2)'!AD$4)</f>
        <v/>
      </c>
      <c r="AE80" s="124" t="str">
        <f>SUBSTITUTE(Categorization!AE80,"x",'Categorization (2)'!AE$4)</f>
        <v/>
      </c>
      <c r="AF80" s="108" t="str">
        <f>SUBSTITUTE(Categorization!AF80,"x",'Categorization (2)'!AF$4)</f>
        <v/>
      </c>
      <c r="AG80" s="108" t="str">
        <f>SUBSTITUTE(Categorization!AG80,"x",'Categorization (2)'!AG$4)</f>
        <v/>
      </c>
      <c r="AH80" s="108" t="str">
        <f>SUBSTITUTE(Categorization!AH80,"x",'Categorization (2)'!AH$4)</f>
        <v/>
      </c>
      <c r="AI80" s="108" t="str">
        <f>SUBSTITUTE(Categorization!AI80,"x",'Categorization (2)'!AI$4)</f>
        <v/>
      </c>
      <c r="AJ80" s="108" t="str">
        <f>SUBSTITUTE(Categorization!AJ80,"x",'Categorization (2)'!AJ$4)</f>
        <v/>
      </c>
      <c r="AK80" s="116" t="str">
        <f>SUBSTITUTE(Categorization!AK80,"x",'Categorization (2)'!AK$4)</f>
        <v/>
      </c>
      <c r="AL80" s="129" t="str">
        <f>SUBSTITUTE(Categorization!AL80,"x",'Categorization (2)'!AL$4)</f>
        <v/>
      </c>
      <c r="AM80" s="129" t="str">
        <f>SUBSTITUTE(Categorization!AM80,"x",'Categorization (2)'!AM$4)</f>
        <v/>
      </c>
      <c r="AN80" s="131" t="str">
        <f>SUBSTITUTE(Categorization!AN80,"x",'Categorization (2)'!AN$4)</f>
        <v/>
      </c>
      <c r="AO80" s="131" t="str">
        <f>SUBSTITUTE(Categorization!AO80,"x",'Categorization (2)'!AO$4)</f>
        <v xml:space="preserve">Sklep rehabilitacyjny/ Higiena i pielęgnacja chorych/ </v>
      </c>
      <c r="AP80" s="131" t="str">
        <f>SUBSTITUTE(Categorization!AP80,"x",'Categorization (2)'!AP$4)</f>
        <v xml:space="preserve">Sklep rehabilitacyjny/ Dla pacjenta leżącego/ </v>
      </c>
      <c r="AQ80" s="131" t="str">
        <f>SUBSTITUTE(Categorization!AQ80,"x",'Categorization (2)'!AQ$4)</f>
        <v/>
      </c>
      <c r="AR80" s="131" t="str">
        <f>SUBSTITUTE(Categorization!AR80,"x",'Categorization (2)'!AR$4)</f>
        <v/>
      </c>
      <c r="AS80" s="131" t="str">
        <f>SUBSTITUTE(Categorization!AS80,"x",'Categorization (2)'!AS$4)</f>
        <v xml:space="preserve">Sklep rehabilitacyjny/ Akcesoria dla osób starszych i niepełnosprawnych/ </v>
      </c>
      <c r="AT80" s="131" t="str">
        <f>SUBSTITUTE(Categorization!AT80,"x",'Categorization (2)'!AT$4)</f>
        <v/>
      </c>
      <c r="AU80" s="103"/>
      <c r="AV80" s="97"/>
    </row>
    <row r="81" spans="1:48" s="2" customFormat="1" ht="13.5" customHeight="1">
      <c r="A81" s="9"/>
      <c r="B81" s="9" t="s">
        <v>80</v>
      </c>
      <c r="C81" s="5">
        <v>2</v>
      </c>
      <c r="D81" s="7" t="s">
        <v>34</v>
      </c>
      <c r="E81" s="7">
        <v>4248</v>
      </c>
      <c r="F81" s="6" t="s">
        <v>33</v>
      </c>
      <c r="G81" s="23"/>
      <c r="H81" s="112" t="str">
        <f>SUBSTITUTE(Categorization!H81,"x",'Categorization (2)'!H$4)</f>
        <v/>
      </c>
      <c r="I81" s="112" t="str">
        <f>SUBSTITUTE(Categorization!I81,"x",'Categorization (2)'!I$4)</f>
        <v>Kosmetyki/ dermo-kosmetyki/ Pielęgnacja/ Preparaty nawilżające</v>
      </c>
      <c r="J81" s="112" t="str">
        <f>SUBSTITUTE(Categorization!J81,"x",'Categorization (2)'!J$4)</f>
        <v/>
      </c>
      <c r="K81" s="112" t="str">
        <f>SUBSTITUTE(Categorization!K81,"x",'Categorization (2)'!K$4)</f>
        <v/>
      </c>
      <c r="L81" s="112" t="str">
        <f>SUBSTITUTE(Categorization!L81,"x",'Categorization (2)'!L$4)</f>
        <v>Kosmetyki/ dermo-kosmetyki/ Pielęgnacja/ Skóra sucha</v>
      </c>
      <c r="M81" s="112" t="str">
        <f>SUBSTITUTE(Categorization!M81,"x",'Categorization (2)'!M$4)</f>
        <v>Kosmetyki/ dermo-kosmetyki/ Pielęgnacja/ Skóra wrażliwa i alergiczna</v>
      </c>
      <c r="N81" s="112" t="str">
        <f>SUBSTITUTE(Categorization!N81,"x",'Categorization (2)'!N$4)</f>
        <v/>
      </c>
      <c r="O81" s="112" t="str">
        <f>SUBSTITUTE(Categorization!O81,"x",'Categorization (2)'!O$4)</f>
        <v>Kosmetyki/ dermo-kosmetyki/ Pielęgnacja/ Żele, emulsje, płyny, pianki do kąpieli / Do kąpieli i pod prysznic</v>
      </c>
      <c r="P81" s="116" t="str">
        <f>SUBSTITUTE(Categorization!P81,"x",'Categorization (2)'!P$4)</f>
        <v/>
      </c>
      <c r="Q81" s="116" t="str">
        <f>SUBSTITUTE(Categorization!Q81,"x",'Categorization (2)'!Q$4)</f>
        <v/>
      </c>
      <c r="R81" s="120" t="str">
        <f>SUBSTITUTE(Categorization!R81,"x",'Categorization (2)'!R$4)</f>
        <v/>
      </c>
      <c r="S81" s="120" t="str">
        <f>SUBSTITUTE(Categorization!S81,"x",'Categorization (2)'!S$4)</f>
        <v xml:space="preserve">Higiena/ Artykuły higieniczne/ Żele, emulsje, płyny, pianki do kąpieli / Do kąpieli i pod prysznic/ </v>
      </c>
      <c r="T81" s="120" t="str">
        <f>SUBSTITUTE(Categorization!T81,"x",'Categorization (2)'!T$4)</f>
        <v/>
      </c>
      <c r="U81" s="120" t="str">
        <f>SUBSTITUTE(Categorization!U81,"x",'Categorization (2)'!U$4)</f>
        <v/>
      </c>
      <c r="V81" s="127" t="str">
        <f>SUBSTITUTE(Categorization!V81,"x",'Categorization (2)'!V$4)</f>
        <v/>
      </c>
      <c r="W81" s="127" t="str">
        <f>SUBSTITUTE(Categorization!W81,"x",'Categorization (2)'!W$4)</f>
        <v/>
      </c>
      <c r="X81" s="127" t="str">
        <f>SUBSTITUTE(Categorization!X81,"x",'Categorization (2)'!X$4)</f>
        <v/>
      </c>
      <c r="Y81" s="127" t="str">
        <f>SUBSTITUTE(Categorization!Y81,"x",'Categorization (2)'!Y$4)</f>
        <v/>
      </c>
      <c r="Z81" s="127" t="str">
        <f>SUBSTITUTE(Categorization!Z81,"x",'Categorization (2)'!Z$4)</f>
        <v/>
      </c>
      <c r="AA81" s="124" t="str">
        <f>SUBSTITUTE(Categorization!AA81,"x",'Categorization (2)'!AA$4)</f>
        <v/>
      </c>
      <c r="AB81" s="124" t="str">
        <f>SUBSTITUTE(Categorization!AB81,"x",'Categorization (2)'!AB$4)</f>
        <v/>
      </c>
      <c r="AC81" s="124" t="str">
        <f>SUBSTITUTE(Categorization!AC81,"x",'Categorization (2)'!AC$4)</f>
        <v/>
      </c>
      <c r="AD81" s="124" t="str">
        <f>SUBSTITUTE(Categorization!AD81,"x",'Categorization (2)'!AD$4)</f>
        <v/>
      </c>
      <c r="AE81" s="124" t="str">
        <f>SUBSTITUTE(Categorization!AE81,"x",'Categorization (2)'!AE$4)</f>
        <v/>
      </c>
      <c r="AF81" s="108" t="str">
        <f>SUBSTITUTE(Categorization!AF81,"x",'Categorization (2)'!AF$4)</f>
        <v/>
      </c>
      <c r="AG81" s="108" t="str">
        <f>SUBSTITUTE(Categorization!AG81,"x",'Categorization (2)'!AG$4)</f>
        <v/>
      </c>
      <c r="AH81" s="108" t="str">
        <f>SUBSTITUTE(Categorization!AH81,"x",'Categorization (2)'!AH$4)</f>
        <v/>
      </c>
      <c r="AI81" s="108" t="str">
        <f>SUBSTITUTE(Categorization!AI81,"x",'Categorization (2)'!AI$4)</f>
        <v/>
      </c>
      <c r="AJ81" s="108" t="str">
        <f>SUBSTITUTE(Categorization!AJ81,"x",'Categorization (2)'!AJ$4)</f>
        <v/>
      </c>
      <c r="AK81" s="116" t="str">
        <f>SUBSTITUTE(Categorization!AK81,"x",'Categorization (2)'!AK$4)</f>
        <v/>
      </c>
      <c r="AL81" s="129" t="str">
        <f>SUBSTITUTE(Categorization!AL81,"x",'Categorization (2)'!AL$4)</f>
        <v/>
      </c>
      <c r="AM81" s="129" t="str">
        <f>SUBSTITUTE(Categorization!AM81,"x",'Categorization (2)'!AM$4)</f>
        <v/>
      </c>
      <c r="AN81" s="131" t="str">
        <f>SUBSTITUTE(Categorization!AN81,"x",'Categorization (2)'!AN$4)</f>
        <v/>
      </c>
      <c r="AO81" s="131" t="str">
        <f>SUBSTITUTE(Categorization!AO81,"x",'Categorization (2)'!AO$4)</f>
        <v xml:space="preserve">Sklep rehabilitacyjny/ Higiena i pielęgnacja chorych/ </v>
      </c>
      <c r="AP81" s="131" t="str">
        <f>SUBSTITUTE(Categorization!AP81,"x",'Categorization (2)'!AP$4)</f>
        <v xml:space="preserve">Sklep rehabilitacyjny/ Dla pacjenta leżącego/ </v>
      </c>
      <c r="AQ81" s="131" t="str">
        <f>SUBSTITUTE(Categorization!AQ81,"x",'Categorization (2)'!AQ$4)</f>
        <v/>
      </c>
      <c r="AR81" s="131" t="str">
        <f>SUBSTITUTE(Categorization!AR81,"x",'Categorization (2)'!AR$4)</f>
        <v/>
      </c>
      <c r="AS81" s="131" t="str">
        <f>SUBSTITUTE(Categorization!AS81,"x",'Categorization (2)'!AS$4)</f>
        <v xml:space="preserve">Sklep rehabilitacyjny/ Akcesoria dla osób starszych i niepełnosprawnych/ </v>
      </c>
      <c r="AT81" s="131" t="str">
        <f>SUBSTITUTE(Categorization!AT81,"x",'Categorization (2)'!AT$4)</f>
        <v/>
      </c>
      <c r="AU81" s="103"/>
      <c r="AV81" s="97"/>
    </row>
    <row r="82" spans="1:48" s="2" customFormat="1" ht="13.5" customHeight="1">
      <c r="A82" s="9"/>
      <c r="B82" s="9" t="s">
        <v>80</v>
      </c>
      <c r="C82" s="5">
        <v>3</v>
      </c>
      <c r="D82" s="7" t="s">
        <v>45</v>
      </c>
      <c r="E82" s="7">
        <v>6479</v>
      </c>
      <c r="F82" s="6" t="s">
        <v>35</v>
      </c>
      <c r="G82" s="23"/>
      <c r="H82" s="112" t="str">
        <f>SUBSTITUTE(Categorization!H82,"x",'Categorization (2)'!H$4)</f>
        <v/>
      </c>
      <c r="I82" s="112" t="str">
        <f>SUBSTITUTE(Categorization!I82,"x",'Categorization (2)'!I$4)</f>
        <v>Kosmetyki/ dermo-kosmetyki/ Pielęgnacja/ Preparaty nawilżające</v>
      </c>
      <c r="J82" s="112" t="str">
        <f>SUBSTITUTE(Categorization!J82,"x",'Categorization (2)'!J$4)</f>
        <v/>
      </c>
      <c r="K82" s="112" t="str">
        <f>SUBSTITUTE(Categorization!K82,"x",'Categorization (2)'!K$4)</f>
        <v/>
      </c>
      <c r="L82" s="112" t="str">
        <f>SUBSTITUTE(Categorization!L82,"x",'Categorization (2)'!L$4)</f>
        <v>Kosmetyki/ dermo-kosmetyki/ Pielęgnacja/ Skóra sucha</v>
      </c>
      <c r="M82" s="112" t="str">
        <f>SUBSTITUTE(Categorization!M82,"x",'Categorization (2)'!M$4)</f>
        <v>Kosmetyki/ dermo-kosmetyki/ Pielęgnacja/ Skóra wrażliwa i alergiczna</v>
      </c>
      <c r="N82" s="112" t="str">
        <f>SUBSTITUTE(Categorization!N82,"x",'Categorization (2)'!N$4)</f>
        <v/>
      </c>
      <c r="O82" s="112" t="str">
        <f>SUBSTITUTE(Categorization!O82,"x",'Categorization (2)'!O$4)</f>
        <v>Kosmetyki/ dermo-kosmetyki/ Pielęgnacja/ Żele, emulsje, płyny, pianki do kąpieli / Do kąpieli i pod prysznic</v>
      </c>
      <c r="P82" s="116" t="str">
        <f>SUBSTITUTE(Categorization!P82,"x",'Categorization (2)'!P$4)</f>
        <v/>
      </c>
      <c r="Q82" s="116" t="str">
        <f>SUBSTITUTE(Categorization!Q82,"x",'Categorization (2)'!Q$4)</f>
        <v/>
      </c>
      <c r="R82" s="120" t="str">
        <f>SUBSTITUTE(Categorization!R82,"x",'Categorization (2)'!R$4)</f>
        <v xml:space="preserve">Higiena/ Artykuły higieniczne/ Chusteczki/ Mokre chusteczki/ Chusteczki nasączone/ </v>
      </c>
      <c r="S82" s="120" t="str">
        <f>SUBSTITUTE(Categorization!S82,"x",'Categorization (2)'!S$4)</f>
        <v/>
      </c>
      <c r="T82" s="120" t="str">
        <f>SUBSTITUTE(Categorization!T82,"x",'Categorization (2)'!T$4)</f>
        <v/>
      </c>
      <c r="U82" s="120" t="str">
        <f>SUBSTITUTE(Categorization!U82,"x",'Categorization (2)'!U$4)</f>
        <v/>
      </c>
      <c r="V82" s="127" t="str">
        <f>SUBSTITUTE(Categorization!V82,"x",'Categorization (2)'!V$4)</f>
        <v/>
      </c>
      <c r="W82" s="127" t="str">
        <f>SUBSTITUTE(Categorization!W82,"x",'Categorization (2)'!W$4)</f>
        <v xml:space="preserve">Środki opatrunkowe i higeniczne/ Chusteczki/ Mokre chusteczki/ Chusteczki nasączone/ </v>
      </c>
      <c r="X82" s="127" t="str">
        <f>SUBSTITUTE(Categorization!X82,"x",'Categorization (2)'!X$4)</f>
        <v/>
      </c>
      <c r="Y82" s="127" t="str">
        <f>SUBSTITUTE(Categorization!Y82,"x",'Categorization (2)'!Y$4)</f>
        <v/>
      </c>
      <c r="Z82" s="127" t="str">
        <f>SUBSTITUTE(Categorization!Z82,"x",'Categorization (2)'!Z$4)</f>
        <v/>
      </c>
      <c r="AA82" s="124" t="str">
        <f>SUBSTITUTE(Categorization!AA82,"x",'Categorization (2)'!AA$4)</f>
        <v/>
      </c>
      <c r="AB82" s="124" t="str">
        <f>SUBSTITUTE(Categorization!AB82,"x",'Categorization (2)'!AB$4)</f>
        <v/>
      </c>
      <c r="AC82" s="124" t="str">
        <f>SUBSTITUTE(Categorization!AC82,"x",'Categorization (2)'!AC$4)</f>
        <v/>
      </c>
      <c r="AD82" s="124" t="str">
        <f>SUBSTITUTE(Categorization!AD82,"x",'Categorization (2)'!AD$4)</f>
        <v/>
      </c>
      <c r="AE82" s="124" t="str">
        <f>SUBSTITUTE(Categorization!AE82,"x",'Categorization (2)'!AE$4)</f>
        <v/>
      </c>
      <c r="AF82" s="108" t="str">
        <f>SUBSTITUTE(Categorization!AF82,"x",'Categorization (2)'!AF$4)</f>
        <v/>
      </c>
      <c r="AG82" s="108" t="str">
        <f>SUBSTITUTE(Categorization!AG82,"x",'Categorization (2)'!AG$4)</f>
        <v/>
      </c>
      <c r="AH82" s="108" t="str">
        <f>SUBSTITUTE(Categorization!AH82,"x",'Categorization (2)'!AH$4)</f>
        <v/>
      </c>
      <c r="AI82" s="108" t="str">
        <f>SUBSTITUTE(Categorization!AI82,"x",'Categorization (2)'!AI$4)</f>
        <v/>
      </c>
      <c r="AJ82" s="108" t="str">
        <f>SUBSTITUTE(Categorization!AJ82,"x",'Categorization (2)'!AJ$4)</f>
        <v/>
      </c>
      <c r="AK82" s="116" t="str">
        <f>SUBSTITUTE(Categorization!AK82,"x",'Categorization (2)'!AK$4)</f>
        <v/>
      </c>
      <c r="AL82" s="129" t="str">
        <f>SUBSTITUTE(Categorization!AL82,"x",'Categorization (2)'!AL$4)</f>
        <v/>
      </c>
      <c r="AM82" s="129" t="str">
        <f>SUBSTITUTE(Categorization!AM82,"x",'Categorization (2)'!AM$4)</f>
        <v/>
      </c>
      <c r="AN82" s="131" t="str">
        <f>SUBSTITUTE(Categorization!AN82,"x",'Categorization (2)'!AN$4)</f>
        <v/>
      </c>
      <c r="AO82" s="131" t="str">
        <f>SUBSTITUTE(Categorization!AO82,"x",'Categorization (2)'!AO$4)</f>
        <v xml:space="preserve">Sklep rehabilitacyjny/ Higiena i pielęgnacja chorych/ </v>
      </c>
      <c r="AP82" s="131" t="str">
        <f>SUBSTITUTE(Categorization!AP82,"x",'Categorization (2)'!AP$4)</f>
        <v xml:space="preserve">Sklep rehabilitacyjny/ Dla pacjenta leżącego/ </v>
      </c>
      <c r="AQ82" s="131" t="str">
        <f>SUBSTITUTE(Categorization!AQ82,"x",'Categorization (2)'!AQ$4)</f>
        <v/>
      </c>
      <c r="AR82" s="131" t="str">
        <f>SUBSTITUTE(Categorization!AR82,"x",'Categorization (2)'!AR$4)</f>
        <v/>
      </c>
      <c r="AS82" s="131" t="str">
        <f>SUBSTITUTE(Categorization!AS82,"x",'Categorization (2)'!AS$4)</f>
        <v xml:space="preserve">Sklep rehabilitacyjny/ Akcesoria dla osób starszych i niepełnosprawnych/ </v>
      </c>
      <c r="AT82" s="131" t="str">
        <f>SUBSTITUTE(Categorization!AT82,"x",'Categorization (2)'!AT$4)</f>
        <v/>
      </c>
      <c r="AU82" s="103"/>
      <c r="AV82" s="97"/>
    </row>
    <row r="83" spans="1:48" s="2" customFormat="1" ht="13.5" customHeight="1">
      <c r="A83" s="9"/>
      <c r="B83" s="9" t="s">
        <v>80</v>
      </c>
      <c r="C83" s="5">
        <v>4</v>
      </c>
      <c r="D83" s="7" t="s">
        <v>37</v>
      </c>
      <c r="E83" s="7">
        <v>740710</v>
      </c>
      <c r="F83" s="6" t="s">
        <v>36</v>
      </c>
      <c r="G83" s="23"/>
      <c r="H83" s="112" t="str">
        <f>SUBSTITUTE(Categorization!H83,"x",'Categorization (2)'!H$4)</f>
        <v/>
      </c>
      <c r="I83" s="112" t="str">
        <f>SUBSTITUTE(Categorization!I83,"x",'Categorization (2)'!I$4)</f>
        <v/>
      </c>
      <c r="J83" s="112" t="str">
        <f>SUBSTITUTE(Categorization!J83,"x",'Categorization (2)'!J$4)</f>
        <v/>
      </c>
      <c r="K83" s="112" t="str">
        <f>SUBSTITUTE(Categorization!K83,"x",'Categorization (2)'!K$4)</f>
        <v/>
      </c>
      <c r="L83" s="112" t="str">
        <f>SUBSTITUTE(Categorization!L83,"x",'Categorization (2)'!L$4)</f>
        <v/>
      </c>
      <c r="M83" s="112" t="str">
        <f>SUBSTITUTE(Categorization!M83,"x",'Categorization (2)'!M$4)</f>
        <v/>
      </c>
      <c r="N83" s="112" t="str">
        <f>SUBSTITUTE(Categorization!N83,"x",'Categorization (2)'!N$4)</f>
        <v/>
      </c>
      <c r="O83" s="112" t="str">
        <f>SUBSTITUTE(Categorization!O83,"x",'Categorization (2)'!O$4)</f>
        <v/>
      </c>
      <c r="P83" s="116" t="str">
        <f>SUBSTITUTE(Categorization!P83,"x",'Categorization (2)'!P$4)</f>
        <v/>
      </c>
      <c r="Q83" s="116" t="str">
        <f>SUBSTITUTE(Categorization!Q83,"x",'Categorization (2)'!Q$4)</f>
        <v/>
      </c>
      <c r="R83" s="120" t="str">
        <f>SUBSTITUTE(Categorization!R83,"x",'Categorization (2)'!R$4)</f>
        <v xml:space="preserve">Higiena/ Artykuły higieniczne/ Chusteczki/ Mokre chusteczki/ Chusteczki nasączone/ </v>
      </c>
      <c r="S83" s="120" t="str">
        <f>SUBSTITUTE(Categorization!S83,"x",'Categorization (2)'!S$4)</f>
        <v/>
      </c>
      <c r="T83" s="120" t="str">
        <f>SUBSTITUTE(Categorization!T83,"x",'Categorization (2)'!T$4)</f>
        <v/>
      </c>
      <c r="U83" s="120" t="str">
        <f>SUBSTITUTE(Categorization!U83,"x",'Categorization (2)'!U$4)</f>
        <v/>
      </c>
      <c r="V83" s="127" t="str">
        <f>SUBSTITUTE(Categorization!V83,"x",'Categorization (2)'!V$4)</f>
        <v/>
      </c>
      <c r="W83" s="127" t="str">
        <f>SUBSTITUTE(Categorization!W83,"x",'Categorization (2)'!W$4)</f>
        <v xml:space="preserve">Środki opatrunkowe i higeniczne/ Chusteczki/ Mokre chusteczki/ Chusteczki nasączone/ </v>
      </c>
      <c r="X83" s="127" t="str">
        <f>SUBSTITUTE(Categorization!X83,"x",'Categorization (2)'!X$4)</f>
        <v/>
      </c>
      <c r="Y83" s="127" t="str">
        <f>SUBSTITUTE(Categorization!Y83,"x",'Categorization (2)'!Y$4)</f>
        <v/>
      </c>
      <c r="Z83" s="127" t="str">
        <f>SUBSTITUTE(Categorization!Z83,"x",'Categorization (2)'!Z$4)</f>
        <v/>
      </c>
      <c r="AA83" s="124" t="str">
        <f>SUBSTITUTE(Categorization!AA83,"x",'Categorization (2)'!AA$4)</f>
        <v/>
      </c>
      <c r="AB83" s="124" t="str">
        <f>SUBSTITUTE(Categorization!AB83,"x",'Categorization (2)'!AB$4)</f>
        <v/>
      </c>
      <c r="AC83" s="124" t="str">
        <f>SUBSTITUTE(Categorization!AC83,"x",'Categorization (2)'!AC$4)</f>
        <v/>
      </c>
      <c r="AD83" s="124" t="str">
        <f>SUBSTITUTE(Categorization!AD83,"x",'Categorization (2)'!AD$4)</f>
        <v/>
      </c>
      <c r="AE83" s="124" t="str">
        <f>SUBSTITUTE(Categorization!AE83,"x",'Categorization (2)'!AE$4)</f>
        <v/>
      </c>
      <c r="AF83" s="108" t="str">
        <f>SUBSTITUTE(Categorization!AF83,"x",'Categorization (2)'!AF$4)</f>
        <v/>
      </c>
      <c r="AG83" s="108" t="str">
        <f>SUBSTITUTE(Categorization!AG83,"x",'Categorization (2)'!AG$4)</f>
        <v/>
      </c>
      <c r="AH83" s="108" t="str">
        <f>SUBSTITUTE(Categorization!AH83,"x",'Categorization (2)'!AH$4)</f>
        <v/>
      </c>
      <c r="AI83" s="108" t="str">
        <f>SUBSTITUTE(Categorization!AI83,"x",'Categorization (2)'!AI$4)</f>
        <v/>
      </c>
      <c r="AJ83" s="108" t="str">
        <f>SUBSTITUTE(Categorization!AJ83,"x",'Categorization (2)'!AJ$4)</f>
        <v/>
      </c>
      <c r="AK83" s="116" t="str">
        <f>SUBSTITUTE(Categorization!AK83,"x",'Categorization (2)'!AK$4)</f>
        <v/>
      </c>
      <c r="AL83" s="129" t="str">
        <f>SUBSTITUTE(Categorization!AL83,"x",'Categorization (2)'!AL$4)</f>
        <v/>
      </c>
      <c r="AM83" s="129" t="str">
        <f>SUBSTITUTE(Categorization!AM83,"x",'Categorization (2)'!AM$4)</f>
        <v/>
      </c>
      <c r="AN83" s="131" t="str">
        <f>SUBSTITUTE(Categorization!AN83,"x",'Categorization (2)'!AN$4)</f>
        <v/>
      </c>
      <c r="AO83" s="131" t="str">
        <f>SUBSTITUTE(Categorization!AO83,"x",'Categorization (2)'!AO$4)</f>
        <v xml:space="preserve">Sklep rehabilitacyjny/ Higiena i pielęgnacja chorych/ </v>
      </c>
      <c r="AP83" s="131" t="str">
        <f>SUBSTITUTE(Categorization!AP83,"x",'Categorization (2)'!AP$4)</f>
        <v xml:space="preserve">Sklep rehabilitacyjny/ Dla pacjenta leżącego/ </v>
      </c>
      <c r="AQ83" s="131" t="str">
        <f>SUBSTITUTE(Categorization!AQ83,"x",'Categorization (2)'!AQ$4)</f>
        <v/>
      </c>
      <c r="AR83" s="131" t="str">
        <f>SUBSTITUTE(Categorization!AR83,"x",'Categorization (2)'!AR$4)</f>
        <v/>
      </c>
      <c r="AS83" s="131" t="str">
        <f>SUBSTITUTE(Categorization!AS83,"x",'Categorization (2)'!AS$4)</f>
        <v xml:space="preserve">Sklep rehabilitacyjny/ Akcesoria dla osób starszych i niepełnosprawnych/ </v>
      </c>
      <c r="AT83" s="131" t="str">
        <f>SUBSTITUTE(Categorization!AT83,"x",'Categorization (2)'!AT$4)</f>
        <v/>
      </c>
      <c r="AU83" s="103"/>
      <c r="AV83" s="97"/>
    </row>
    <row r="84" spans="1:48" s="2" customFormat="1" ht="13.5" customHeight="1">
      <c r="A84" s="9"/>
      <c r="B84" s="9" t="s">
        <v>80</v>
      </c>
      <c r="C84" s="5">
        <v>5</v>
      </c>
      <c r="D84" s="7" t="s">
        <v>74</v>
      </c>
      <c r="E84" s="7">
        <v>740500</v>
      </c>
      <c r="F84" s="6" t="s">
        <v>75</v>
      </c>
      <c r="G84" s="23"/>
      <c r="H84" s="112" t="str">
        <f>SUBSTITUTE(Categorization!H84,"x",'Categorization (2)'!H$4)</f>
        <v/>
      </c>
      <c r="I84" s="112" t="str">
        <f>SUBSTITUTE(Categorization!I84,"x",'Categorization (2)'!I$4)</f>
        <v/>
      </c>
      <c r="J84" s="112" t="str">
        <f>SUBSTITUTE(Categorization!J84,"x",'Categorization (2)'!J$4)</f>
        <v/>
      </c>
      <c r="K84" s="112" t="str">
        <f>SUBSTITUTE(Categorization!K84,"x",'Categorization (2)'!K$4)</f>
        <v/>
      </c>
      <c r="L84" s="112" t="str">
        <f>SUBSTITUTE(Categorization!L84,"x",'Categorization (2)'!L$4)</f>
        <v/>
      </c>
      <c r="M84" s="112" t="str">
        <f>SUBSTITUTE(Categorization!M84,"x",'Categorization (2)'!M$4)</f>
        <v/>
      </c>
      <c r="N84" s="112" t="str">
        <f>SUBSTITUTE(Categorization!N84,"x",'Categorization (2)'!N$4)</f>
        <v/>
      </c>
      <c r="O84" s="112" t="str">
        <f>SUBSTITUTE(Categorization!O84,"x",'Categorization (2)'!O$4)</f>
        <v/>
      </c>
      <c r="P84" s="116" t="str">
        <f>SUBSTITUTE(Categorization!P84,"x",'Categorization (2)'!P$4)</f>
        <v/>
      </c>
      <c r="Q84" s="116" t="str">
        <f>SUBSTITUTE(Categorization!Q84,"x",'Categorization (2)'!Q$4)</f>
        <v/>
      </c>
      <c r="R84" s="120" t="str">
        <f>SUBSTITUTE(Categorization!R84,"x",'Categorization (2)'!R$4)</f>
        <v xml:space="preserve">Higiena/ Artykuły higieniczne/ Chusteczki/ Mokre chusteczki/ Chusteczki nasączone/ </v>
      </c>
      <c r="S84" s="120" t="str">
        <f>SUBSTITUTE(Categorization!S84,"x",'Categorization (2)'!S$4)</f>
        <v/>
      </c>
      <c r="T84" s="120" t="str">
        <f>SUBSTITUTE(Categorization!T84,"x",'Categorization (2)'!T$4)</f>
        <v/>
      </c>
      <c r="U84" s="120" t="str">
        <f>SUBSTITUTE(Categorization!U84,"x",'Categorization (2)'!U$4)</f>
        <v/>
      </c>
      <c r="V84" s="127" t="str">
        <f>SUBSTITUTE(Categorization!V84,"x",'Categorization (2)'!V$4)</f>
        <v/>
      </c>
      <c r="W84" s="127" t="str">
        <f>SUBSTITUTE(Categorization!W84,"x",'Categorization (2)'!W$4)</f>
        <v xml:space="preserve">Środki opatrunkowe i higeniczne/ Chusteczki/ Mokre chusteczki/ Chusteczki nasączone/ </v>
      </c>
      <c r="X84" s="127" t="str">
        <f>SUBSTITUTE(Categorization!X84,"x",'Categorization (2)'!X$4)</f>
        <v/>
      </c>
      <c r="Y84" s="127" t="str">
        <f>SUBSTITUTE(Categorization!Y84,"x",'Categorization (2)'!Y$4)</f>
        <v/>
      </c>
      <c r="Z84" s="127" t="str">
        <f>SUBSTITUTE(Categorization!Z84,"x",'Categorization (2)'!Z$4)</f>
        <v/>
      </c>
      <c r="AA84" s="124" t="str">
        <f>SUBSTITUTE(Categorization!AA84,"x",'Categorization (2)'!AA$4)</f>
        <v/>
      </c>
      <c r="AB84" s="124" t="str">
        <f>SUBSTITUTE(Categorization!AB84,"x",'Categorization (2)'!AB$4)</f>
        <v/>
      </c>
      <c r="AC84" s="124" t="str">
        <f>SUBSTITUTE(Categorization!AC84,"x",'Categorization (2)'!AC$4)</f>
        <v/>
      </c>
      <c r="AD84" s="124" t="str">
        <f>SUBSTITUTE(Categorization!AD84,"x",'Categorization (2)'!AD$4)</f>
        <v/>
      </c>
      <c r="AE84" s="124" t="str">
        <f>SUBSTITUTE(Categorization!AE84,"x",'Categorization (2)'!AE$4)</f>
        <v/>
      </c>
      <c r="AF84" s="108" t="str">
        <f>SUBSTITUTE(Categorization!AF84,"x",'Categorization (2)'!AF$4)</f>
        <v/>
      </c>
      <c r="AG84" s="108" t="str">
        <f>SUBSTITUTE(Categorization!AG84,"x",'Categorization (2)'!AG$4)</f>
        <v/>
      </c>
      <c r="AH84" s="108" t="str">
        <f>SUBSTITUTE(Categorization!AH84,"x",'Categorization (2)'!AH$4)</f>
        <v/>
      </c>
      <c r="AI84" s="108" t="str">
        <f>SUBSTITUTE(Categorization!AI84,"x",'Categorization (2)'!AI$4)</f>
        <v/>
      </c>
      <c r="AJ84" s="108" t="str">
        <f>SUBSTITUTE(Categorization!AJ84,"x",'Categorization (2)'!AJ$4)</f>
        <v/>
      </c>
      <c r="AK84" s="116" t="str">
        <f>SUBSTITUTE(Categorization!AK84,"x",'Categorization (2)'!AK$4)</f>
        <v/>
      </c>
      <c r="AL84" s="129" t="str">
        <f>SUBSTITUTE(Categorization!AL84,"x",'Categorization (2)'!AL$4)</f>
        <v/>
      </c>
      <c r="AM84" s="129" t="str">
        <f>SUBSTITUTE(Categorization!AM84,"x",'Categorization (2)'!AM$4)</f>
        <v/>
      </c>
      <c r="AN84" s="131" t="str">
        <f>SUBSTITUTE(Categorization!AN84,"x",'Categorization (2)'!AN$4)</f>
        <v/>
      </c>
      <c r="AO84" s="131" t="str">
        <f>SUBSTITUTE(Categorization!AO84,"x",'Categorization (2)'!AO$4)</f>
        <v xml:space="preserve">Sklep rehabilitacyjny/ Higiena i pielęgnacja chorych/ </v>
      </c>
      <c r="AP84" s="131" t="str">
        <f>SUBSTITUTE(Categorization!AP84,"x",'Categorization (2)'!AP$4)</f>
        <v xml:space="preserve">Sklep rehabilitacyjny/ Dla pacjenta leżącego/ </v>
      </c>
      <c r="AQ84" s="131" t="str">
        <f>SUBSTITUTE(Categorization!AQ84,"x",'Categorization (2)'!AQ$4)</f>
        <v/>
      </c>
      <c r="AR84" s="131" t="str">
        <f>SUBSTITUTE(Categorization!AR84,"x",'Categorization (2)'!AR$4)</f>
        <v/>
      </c>
      <c r="AS84" s="131" t="str">
        <f>SUBSTITUTE(Categorization!AS84,"x",'Categorization (2)'!AS$4)</f>
        <v xml:space="preserve">Sklep rehabilitacyjny/ Akcesoria dla osób starszych i niepełnosprawnych/ </v>
      </c>
      <c r="AT84" s="131" t="str">
        <f>SUBSTITUTE(Categorization!AT84,"x",'Categorization (2)'!AT$4)</f>
        <v/>
      </c>
      <c r="AU84" s="103"/>
      <c r="AV84" s="97"/>
    </row>
    <row r="85" spans="1:48" s="2" customFormat="1" ht="13.5" customHeight="1">
      <c r="A85" s="9"/>
      <c r="B85" s="9" t="s">
        <v>80</v>
      </c>
      <c r="C85" s="5">
        <v>6</v>
      </c>
      <c r="D85" s="7" t="s">
        <v>38</v>
      </c>
      <c r="E85" s="7">
        <v>4235</v>
      </c>
      <c r="F85" s="6" t="s">
        <v>48</v>
      </c>
      <c r="G85" s="23"/>
      <c r="H85" s="112" t="str">
        <f>SUBSTITUTE(Categorization!H85,"x",'Categorization (2)'!H$4)</f>
        <v>Kosmetyki/ dermo-kosmetyki/ Pielęgnacja/ Balsamy, mleczka, olejki</v>
      </c>
      <c r="I85" s="112" t="str">
        <f>SUBSTITUTE(Categorization!I85,"x",'Categorization (2)'!I$4)</f>
        <v>Kosmetyki/ dermo-kosmetyki/ Pielęgnacja/ Preparaty nawilżające</v>
      </c>
      <c r="J85" s="112" t="str">
        <f>SUBSTITUTE(Categorization!J85,"x",'Categorization (2)'!J$4)</f>
        <v/>
      </c>
      <c r="K85" s="112" t="str">
        <f>SUBSTITUTE(Categorization!K85,"x",'Categorization (2)'!K$4)</f>
        <v/>
      </c>
      <c r="L85" s="112" t="str">
        <f>SUBSTITUTE(Categorization!L85,"x",'Categorization (2)'!L$4)</f>
        <v>Kosmetyki/ dermo-kosmetyki/ Pielęgnacja/ Skóra sucha</v>
      </c>
      <c r="M85" s="112" t="str">
        <f>SUBSTITUTE(Categorization!M85,"x",'Categorization (2)'!M$4)</f>
        <v>Kosmetyki/ dermo-kosmetyki/ Pielęgnacja/ Skóra wrażliwa i alergiczna</v>
      </c>
      <c r="N85" s="112" t="str">
        <f>SUBSTITUTE(Categorization!N85,"x",'Categorization (2)'!N$4)</f>
        <v/>
      </c>
      <c r="O85" s="112" t="str">
        <f>SUBSTITUTE(Categorization!O85,"x",'Categorization (2)'!O$4)</f>
        <v/>
      </c>
      <c r="P85" s="116" t="str">
        <f>SUBSTITUTE(Categorization!P85,"x",'Categorization (2)'!P$4)</f>
        <v/>
      </c>
      <c r="Q85" s="116" t="str">
        <f>SUBSTITUTE(Categorization!Q85,"x",'Categorization (2)'!Q$4)</f>
        <v/>
      </c>
      <c r="R85" s="120" t="str">
        <f>SUBSTITUTE(Categorization!R85,"x",'Categorization (2)'!R$4)</f>
        <v/>
      </c>
      <c r="S85" s="120" t="str">
        <f>SUBSTITUTE(Categorization!S85,"x",'Categorization (2)'!S$4)</f>
        <v/>
      </c>
      <c r="T85" s="120" t="str">
        <f>SUBSTITUTE(Categorization!T85,"x",'Categorization (2)'!T$4)</f>
        <v/>
      </c>
      <c r="U85" s="120" t="str">
        <f>SUBSTITUTE(Categorization!U85,"x",'Categorization (2)'!U$4)</f>
        <v/>
      </c>
      <c r="V85" s="127" t="str">
        <f>SUBSTITUTE(Categorization!V85,"x",'Categorization (2)'!V$4)</f>
        <v/>
      </c>
      <c r="W85" s="127" t="str">
        <f>SUBSTITUTE(Categorization!W85,"x",'Categorization (2)'!W$4)</f>
        <v/>
      </c>
      <c r="X85" s="127" t="str">
        <f>SUBSTITUTE(Categorization!X85,"x",'Categorization (2)'!X$4)</f>
        <v/>
      </c>
      <c r="Y85" s="127" t="str">
        <f>SUBSTITUTE(Categorization!Y85,"x",'Categorization (2)'!Y$4)</f>
        <v/>
      </c>
      <c r="Z85" s="127" t="str">
        <f>SUBSTITUTE(Categorization!Z85,"x",'Categorization (2)'!Z$4)</f>
        <v/>
      </c>
      <c r="AA85" s="124" t="str">
        <f>SUBSTITUTE(Categorization!AA85,"x",'Categorization (2)'!AA$4)</f>
        <v/>
      </c>
      <c r="AB85" s="124" t="str">
        <f>SUBSTITUTE(Categorization!AB85,"x",'Categorization (2)'!AB$4)</f>
        <v/>
      </c>
      <c r="AC85" s="124" t="str">
        <f>SUBSTITUTE(Categorization!AC85,"x",'Categorization (2)'!AC$4)</f>
        <v/>
      </c>
      <c r="AD85" s="124" t="str">
        <f>SUBSTITUTE(Categorization!AD85,"x",'Categorization (2)'!AD$4)</f>
        <v/>
      </c>
      <c r="AE85" s="124" t="str">
        <f>SUBSTITUTE(Categorization!AE85,"x",'Categorization (2)'!AE$4)</f>
        <v/>
      </c>
      <c r="AF85" s="108" t="str">
        <f>SUBSTITUTE(Categorization!AF85,"x",'Categorization (2)'!AF$4)</f>
        <v/>
      </c>
      <c r="AG85" s="108" t="str">
        <f>SUBSTITUTE(Categorization!AG85,"x",'Categorization (2)'!AG$4)</f>
        <v/>
      </c>
      <c r="AH85" s="108" t="str">
        <f>SUBSTITUTE(Categorization!AH85,"x",'Categorization (2)'!AH$4)</f>
        <v/>
      </c>
      <c r="AI85" s="108" t="str">
        <f>SUBSTITUTE(Categorization!AI85,"x",'Categorization (2)'!AI$4)</f>
        <v/>
      </c>
      <c r="AJ85" s="108" t="str">
        <f>SUBSTITUTE(Categorization!AJ85,"x",'Categorization (2)'!AJ$4)</f>
        <v/>
      </c>
      <c r="AK85" s="116" t="str">
        <f>SUBSTITUTE(Categorization!AK85,"x",'Categorization (2)'!AK$4)</f>
        <v/>
      </c>
      <c r="AL85" s="129" t="str">
        <f>SUBSTITUTE(Categorization!AL85,"x",'Categorization (2)'!AL$4)</f>
        <v/>
      </c>
      <c r="AM85" s="129" t="str">
        <f>SUBSTITUTE(Categorization!AM85,"x",'Categorization (2)'!AM$4)</f>
        <v/>
      </c>
      <c r="AN85" s="131" t="str">
        <f>SUBSTITUTE(Categorization!AN85,"x",'Categorization (2)'!AN$4)</f>
        <v/>
      </c>
      <c r="AO85" s="131" t="str">
        <f>SUBSTITUTE(Categorization!AO85,"x",'Categorization (2)'!AO$4)</f>
        <v xml:space="preserve">Sklep rehabilitacyjny/ Higiena i pielęgnacja chorych/ </v>
      </c>
      <c r="AP85" s="131" t="str">
        <f>SUBSTITUTE(Categorization!AP85,"x",'Categorization (2)'!AP$4)</f>
        <v xml:space="preserve">Sklep rehabilitacyjny/ Dla pacjenta leżącego/ </v>
      </c>
      <c r="AQ85" s="131" t="str">
        <f>SUBSTITUTE(Categorization!AQ85,"x",'Categorization (2)'!AQ$4)</f>
        <v/>
      </c>
      <c r="AR85" s="131" t="str">
        <f>SUBSTITUTE(Categorization!AR85,"x",'Categorization (2)'!AR$4)</f>
        <v/>
      </c>
      <c r="AS85" s="131" t="str">
        <f>SUBSTITUTE(Categorization!AS85,"x",'Categorization (2)'!AS$4)</f>
        <v xml:space="preserve">Sklep rehabilitacyjny/ Akcesoria dla osób starszych i niepełnosprawnych/ </v>
      </c>
      <c r="AT85" s="131" t="str">
        <f>SUBSTITUTE(Categorization!AT85,"x",'Categorization (2)'!AT$4)</f>
        <v/>
      </c>
      <c r="AU85" s="103"/>
      <c r="AV85" s="97"/>
    </row>
    <row r="86" spans="1:48" s="2" customFormat="1" ht="13.5" customHeight="1">
      <c r="A86" s="9"/>
      <c r="B86" s="9" t="s">
        <v>80</v>
      </c>
      <c r="C86" s="5">
        <v>7</v>
      </c>
      <c r="D86" s="7" t="s">
        <v>40</v>
      </c>
      <c r="E86" s="7">
        <v>1146</v>
      </c>
      <c r="F86" s="6" t="s">
        <v>39</v>
      </c>
      <c r="G86" s="23"/>
      <c r="H86" s="112" t="str">
        <f>SUBSTITUTE(Categorization!H86,"x",'Categorization (2)'!H$4)</f>
        <v>Kosmetyki/ dermo-kosmetyki/ Pielęgnacja/ Balsamy, mleczka, olejki</v>
      </c>
      <c r="I86" s="112" t="str">
        <f>SUBSTITUTE(Categorization!I86,"x",'Categorization (2)'!I$4)</f>
        <v>Kosmetyki/ dermo-kosmetyki/ Pielęgnacja/ Preparaty nawilżające</v>
      </c>
      <c r="J86" s="112" t="str">
        <f>SUBSTITUTE(Categorization!J86,"x",'Categorization (2)'!J$4)</f>
        <v/>
      </c>
      <c r="K86" s="112" t="str">
        <f>SUBSTITUTE(Categorization!K86,"x",'Categorization (2)'!K$4)</f>
        <v/>
      </c>
      <c r="L86" s="112" t="str">
        <f>SUBSTITUTE(Categorization!L86,"x",'Categorization (2)'!L$4)</f>
        <v>Kosmetyki/ dermo-kosmetyki/ Pielęgnacja/ Skóra sucha</v>
      </c>
      <c r="M86" s="112" t="str">
        <f>SUBSTITUTE(Categorization!M86,"x",'Categorization (2)'!M$4)</f>
        <v>Kosmetyki/ dermo-kosmetyki/ Pielęgnacja/ Skóra wrażliwa i alergiczna</v>
      </c>
      <c r="N86" s="112" t="str">
        <f>SUBSTITUTE(Categorization!N86,"x",'Categorization (2)'!N$4)</f>
        <v/>
      </c>
      <c r="O86" s="112" t="str">
        <f>SUBSTITUTE(Categorization!O86,"x",'Categorization (2)'!O$4)</f>
        <v/>
      </c>
      <c r="P86" s="116" t="str">
        <f>SUBSTITUTE(Categorization!P86,"x",'Categorization (2)'!P$4)</f>
        <v/>
      </c>
      <c r="Q86" s="116" t="str">
        <f>SUBSTITUTE(Categorization!Q86,"x",'Categorization (2)'!Q$4)</f>
        <v/>
      </c>
      <c r="R86" s="120" t="str">
        <f>SUBSTITUTE(Categorization!R86,"x",'Categorization (2)'!R$4)</f>
        <v/>
      </c>
      <c r="S86" s="120" t="str">
        <f>SUBSTITUTE(Categorization!S86,"x",'Categorization (2)'!S$4)</f>
        <v/>
      </c>
      <c r="T86" s="120" t="str">
        <f>SUBSTITUTE(Categorization!T86,"x",'Categorization (2)'!T$4)</f>
        <v/>
      </c>
      <c r="U86" s="120" t="str">
        <f>SUBSTITUTE(Categorization!U86,"x",'Categorization (2)'!U$4)</f>
        <v/>
      </c>
      <c r="V86" s="127" t="str">
        <f>SUBSTITUTE(Categorization!V86,"x",'Categorization (2)'!V$4)</f>
        <v/>
      </c>
      <c r="W86" s="127" t="str">
        <f>SUBSTITUTE(Categorization!W86,"x",'Categorization (2)'!W$4)</f>
        <v/>
      </c>
      <c r="X86" s="127" t="str">
        <f>SUBSTITUTE(Categorization!X86,"x",'Categorization (2)'!X$4)</f>
        <v/>
      </c>
      <c r="Y86" s="127" t="str">
        <f>SUBSTITUTE(Categorization!Y86,"x",'Categorization (2)'!Y$4)</f>
        <v/>
      </c>
      <c r="Z86" s="127" t="str">
        <f>SUBSTITUTE(Categorization!Z86,"x",'Categorization (2)'!Z$4)</f>
        <v/>
      </c>
      <c r="AA86" s="124" t="str">
        <f>SUBSTITUTE(Categorization!AA86,"x",'Categorization (2)'!AA$4)</f>
        <v/>
      </c>
      <c r="AB86" s="124" t="str">
        <f>SUBSTITUTE(Categorization!AB86,"x",'Categorization (2)'!AB$4)</f>
        <v/>
      </c>
      <c r="AC86" s="124" t="str">
        <f>SUBSTITUTE(Categorization!AC86,"x",'Categorization (2)'!AC$4)</f>
        <v/>
      </c>
      <c r="AD86" s="124" t="str">
        <f>SUBSTITUTE(Categorization!AD86,"x",'Categorization (2)'!AD$4)</f>
        <v/>
      </c>
      <c r="AE86" s="124" t="str">
        <f>SUBSTITUTE(Categorization!AE86,"x",'Categorization (2)'!AE$4)</f>
        <v/>
      </c>
      <c r="AF86" s="108" t="str">
        <f>SUBSTITUTE(Categorization!AF86,"x",'Categorization (2)'!AF$4)</f>
        <v/>
      </c>
      <c r="AG86" s="108" t="str">
        <f>SUBSTITUTE(Categorization!AG86,"x",'Categorization (2)'!AG$4)</f>
        <v/>
      </c>
      <c r="AH86" s="108" t="str">
        <f>SUBSTITUTE(Categorization!AH86,"x",'Categorization (2)'!AH$4)</f>
        <v/>
      </c>
      <c r="AI86" s="108" t="str">
        <f>SUBSTITUTE(Categorization!AI86,"x",'Categorization (2)'!AI$4)</f>
        <v/>
      </c>
      <c r="AJ86" s="108" t="str">
        <f>SUBSTITUTE(Categorization!AJ86,"x",'Categorization (2)'!AJ$4)</f>
        <v/>
      </c>
      <c r="AK86" s="116" t="str">
        <f>SUBSTITUTE(Categorization!AK86,"x",'Categorization (2)'!AK$4)</f>
        <v/>
      </c>
      <c r="AL86" s="129" t="str">
        <f>SUBSTITUTE(Categorization!AL86,"x",'Categorization (2)'!AL$4)</f>
        <v/>
      </c>
      <c r="AM86" s="129" t="str">
        <f>SUBSTITUTE(Categorization!AM86,"x",'Categorization (2)'!AM$4)</f>
        <v/>
      </c>
      <c r="AN86" s="131" t="str">
        <f>SUBSTITUTE(Categorization!AN86,"x",'Categorization (2)'!AN$4)</f>
        <v/>
      </c>
      <c r="AO86" s="131" t="str">
        <f>SUBSTITUTE(Categorization!AO86,"x",'Categorization (2)'!AO$4)</f>
        <v xml:space="preserve">Sklep rehabilitacyjny/ Higiena i pielęgnacja chorych/ </v>
      </c>
      <c r="AP86" s="131" t="str">
        <f>SUBSTITUTE(Categorization!AP86,"x",'Categorization (2)'!AP$4)</f>
        <v xml:space="preserve">Sklep rehabilitacyjny/ Dla pacjenta leżącego/ </v>
      </c>
      <c r="AQ86" s="131" t="str">
        <f>SUBSTITUTE(Categorization!AQ86,"x",'Categorization (2)'!AQ$4)</f>
        <v/>
      </c>
      <c r="AR86" s="131" t="str">
        <f>SUBSTITUTE(Categorization!AR86,"x",'Categorization (2)'!AR$4)</f>
        <v/>
      </c>
      <c r="AS86" s="131" t="str">
        <f>SUBSTITUTE(Categorization!AS86,"x",'Categorization (2)'!AS$4)</f>
        <v xml:space="preserve">Sklep rehabilitacyjny/ Akcesoria dla osób starszych i niepełnosprawnych/ </v>
      </c>
      <c r="AT86" s="131" t="str">
        <f>SUBSTITUTE(Categorization!AT86,"x",'Categorization (2)'!AT$4)</f>
        <v/>
      </c>
      <c r="AU86" s="103"/>
      <c r="AV86" s="97"/>
    </row>
    <row r="87" spans="1:48" s="2" customFormat="1" ht="13.5" customHeight="1">
      <c r="A87" s="9"/>
      <c r="B87" s="9" t="s">
        <v>80</v>
      </c>
      <c r="C87" s="5">
        <v>8</v>
      </c>
      <c r="D87" s="7" t="s">
        <v>38</v>
      </c>
      <c r="E87" s="7">
        <v>4657</v>
      </c>
      <c r="F87" s="6" t="s">
        <v>41</v>
      </c>
      <c r="G87" s="23"/>
      <c r="H87" s="112" t="str">
        <f>SUBSTITUTE(Categorization!H87,"x",'Categorization (2)'!H$4)</f>
        <v/>
      </c>
      <c r="I87" s="112" t="str">
        <f>SUBSTITUTE(Categorization!I87,"x",'Categorization (2)'!I$4)</f>
        <v/>
      </c>
      <c r="J87" s="112" t="str">
        <f>SUBSTITUTE(Categorization!J87,"x",'Categorization (2)'!J$4)</f>
        <v>Kosmetyki/ dermo-kosmetyki/ Pielęgnacja/ Preparaty ochronne</v>
      </c>
      <c r="K87" s="112" t="str">
        <f>SUBSTITUTE(Categorization!K87,"x",'Categorization (2)'!K$4)</f>
        <v>Kosmetyki/ dermo-kosmetyki/ Pielęgnacja/ Skóra podrażniona</v>
      </c>
      <c r="L87" s="112" t="str">
        <f>SUBSTITUTE(Categorization!L87,"x",'Categorization (2)'!L$4)</f>
        <v/>
      </c>
      <c r="M87" s="112" t="str">
        <f>SUBSTITUTE(Categorization!M87,"x",'Categorization (2)'!M$4)</f>
        <v>Kosmetyki/ dermo-kosmetyki/ Pielęgnacja/ Skóra wrażliwa i alergiczna</v>
      </c>
      <c r="N87" s="112" t="str">
        <f>SUBSTITUTE(Categorization!N87,"x",'Categorization (2)'!N$4)</f>
        <v/>
      </c>
      <c r="O87" s="112" t="str">
        <f>SUBSTITUTE(Categorization!O87,"x",'Categorization (2)'!O$4)</f>
        <v/>
      </c>
      <c r="P87" s="116" t="str">
        <f>SUBSTITUTE(Categorization!P87,"x",'Categorization (2)'!P$4)</f>
        <v xml:space="preserve">Problemy skórne/ Rany, owrzodzenia, odleżyny, podrażnienia/ </v>
      </c>
      <c r="Q87" s="116" t="str">
        <f>SUBSTITUTE(Categorization!Q87,"x",'Categorization (2)'!Q$4)</f>
        <v xml:space="preserve">Problemy skórne/ Stany zapalne skóry/ </v>
      </c>
      <c r="R87" s="120" t="str">
        <f>SUBSTITUTE(Categorization!R87,"x",'Categorization (2)'!R$4)</f>
        <v/>
      </c>
      <c r="S87" s="120" t="str">
        <f>SUBSTITUTE(Categorization!S87,"x",'Categorization (2)'!S$4)</f>
        <v/>
      </c>
      <c r="T87" s="120" t="str">
        <f>SUBSTITUTE(Categorization!T87,"x",'Categorization (2)'!T$4)</f>
        <v/>
      </c>
      <c r="U87" s="120" t="str">
        <f>SUBSTITUTE(Categorization!U87,"x",'Categorization (2)'!U$4)</f>
        <v/>
      </c>
      <c r="V87" s="127" t="str">
        <f>SUBSTITUTE(Categorization!V87,"x",'Categorization (2)'!V$4)</f>
        <v/>
      </c>
      <c r="W87" s="127" t="str">
        <f>SUBSTITUTE(Categorization!W87,"x",'Categorization (2)'!W$4)</f>
        <v/>
      </c>
      <c r="X87" s="127" t="str">
        <f>SUBSTITUTE(Categorization!X87,"x",'Categorization (2)'!X$4)</f>
        <v/>
      </c>
      <c r="Y87" s="127" t="str">
        <f>SUBSTITUTE(Categorization!Y87,"x",'Categorization (2)'!Y$4)</f>
        <v/>
      </c>
      <c r="Z87" s="127" t="str">
        <f>SUBSTITUTE(Categorization!Z87,"x",'Categorization (2)'!Z$4)</f>
        <v/>
      </c>
      <c r="AA87" s="124" t="str">
        <f>SUBSTITUTE(Categorization!AA87,"x",'Categorization (2)'!AA$4)</f>
        <v/>
      </c>
      <c r="AB87" s="124" t="str">
        <f>SUBSTITUTE(Categorization!AB87,"x",'Categorization (2)'!AB$4)</f>
        <v/>
      </c>
      <c r="AC87" s="124" t="str">
        <f>SUBSTITUTE(Categorization!AC87,"x",'Categorization (2)'!AC$4)</f>
        <v/>
      </c>
      <c r="AD87" s="124" t="str">
        <f>SUBSTITUTE(Categorization!AD87,"x",'Categorization (2)'!AD$4)</f>
        <v/>
      </c>
      <c r="AE87" s="124" t="str">
        <f>SUBSTITUTE(Categorization!AE87,"x",'Categorization (2)'!AE$4)</f>
        <v/>
      </c>
      <c r="AF87" s="108" t="str">
        <f>SUBSTITUTE(Categorization!AF87,"x",'Categorization (2)'!AF$4)</f>
        <v/>
      </c>
      <c r="AG87" s="108" t="str">
        <f>SUBSTITUTE(Categorization!AG87,"x",'Categorization (2)'!AG$4)</f>
        <v/>
      </c>
      <c r="AH87" s="108" t="str">
        <f>SUBSTITUTE(Categorization!AH87,"x",'Categorization (2)'!AH$4)</f>
        <v/>
      </c>
      <c r="AI87" s="108" t="str">
        <f>SUBSTITUTE(Categorization!AI87,"x",'Categorization (2)'!AI$4)</f>
        <v/>
      </c>
      <c r="AJ87" s="108" t="str">
        <f>SUBSTITUTE(Categorization!AJ87,"x",'Categorization (2)'!AJ$4)</f>
        <v/>
      </c>
      <c r="AK87" s="116" t="str">
        <f>SUBSTITUTE(Categorization!AK87,"x",'Categorization (2)'!AK$4)</f>
        <v/>
      </c>
      <c r="AL87" s="129" t="str">
        <f>SUBSTITUTE(Categorization!AL87,"x",'Categorization (2)'!AL$4)</f>
        <v/>
      </c>
      <c r="AM87" s="129" t="str">
        <f>SUBSTITUTE(Categorization!AM87,"x",'Categorization (2)'!AM$4)</f>
        <v/>
      </c>
      <c r="AN87" s="131" t="str">
        <f>SUBSTITUTE(Categorization!AN87,"x",'Categorization (2)'!AN$4)</f>
        <v/>
      </c>
      <c r="AO87" s="131" t="str">
        <f>SUBSTITUTE(Categorization!AO87,"x",'Categorization (2)'!AO$4)</f>
        <v xml:space="preserve">Sklep rehabilitacyjny/ Higiena i pielęgnacja chorych/ </v>
      </c>
      <c r="AP87" s="131" t="str">
        <f>SUBSTITUTE(Categorization!AP87,"x",'Categorization (2)'!AP$4)</f>
        <v xml:space="preserve">Sklep rehabilitacyjny/ Dla pacjenta leżącego/ </v>
      </c>
      <c r="AQ87" s="131" t="str">
        <f>SUBSTITUTE(Categorization!AQ87,"x",'Categorization (2)'!AQ$4)</f>
        <v/>
      </c>
      <c r="AR87" s="131" t="str">
        <f>SUBSTITUTE(Categorization!AR87,"x",'Categorization (2)'!AR$4)</f>
        <v/>
      </c>
      <c r="AS87" s="131" t="str">
        <f>SUBSTITUTE(Categorization!AS87,"x",'Categorization (2)'!AS$4)</f>
        <v xml:space="preserve">Sklep rehabilitacyjny/ Akcesoria dla osób starszych i niepełnosprawnych/ </v>
      </c>
      <c r="AT87" s="131" t="str">
        <f>SUBSTITUTE(Categorization!AT87,"x",'Categorization (2)'!AT$4)</f>
        <v/>
      </c>
      <c r="AU87" s="103"/>
      <c r="AV87" s="97"/>
    </row>
    <row r="88" spans="1:48" s="2" customFormat="1" ht="13.5" customHeight="1">
      <c r="A88" s="9"/>
      <c r="B88" s="9" t="s">
        <v>80</v>
      </c>
      <c r="C88" s="5">
        <v>9</v>
      </c>
      <c r="D88" s="7" t="s">
        <v>43</v>
      </c>
      <c r="E88" s="7">
        <v>4223</v>
      </c>
      <c r="F88" s="6" t="s">
        <v>44</v>
      </c>
      <c r="G88" s="23"/>
      <c r="H88" s="112" t="str">
        <f>SUBSTITUTE(Categorization!H88,"x",'Categorization (2)'!H$4)</f>
        <v/>
      </c>
      <c r="I88" s="112" t="str">
        <f>SUBSTITUTE(Categorization!I88,"x",'Categorization (2)'!I$4)</f>
        <v/>
      </c>
      <c r="J88" s="112" t="str">
        <f>SUBSTITUTE(Categorization!J88,"x",'Categorization (2)'!J$4)</f>
        <v>Kosmetyki/ dermo-kosmetyki/ Pielęgnacja/ Preparaty ochronne</v>
      </c>
      <c r="K88" s="112" t="str">
        <f>SUBSTITUTE(Categorization!K88,"x",'Categorization (2)'!K$4)</f>
        <v>Kosmetyki/ dermo-kosmetyki/ Pielęgnacja/ Skóra podrażniona</v>
      </c>
      <c r="L88" s="112" t="str">
        <f>SUBSTITUTE(Categorization!L88,"x",'Categorization (2)'!L$4)</f>
        <v/>
      </c>
      <c r="M88" s="112" t="str">
        <f>SUBSTITUTE(Categorization!M88,"x",'Categorization (2)'!M$4)</f>
        <v>Kosmetyki/ dermo-kosmetyki/ Pielęgnacja/ Skóra wrażliwa i alergiczna</v>
      </c>
      <c r="N88" s="112" t="str">
        <f>SUBSTITUTE(Categorization!N88,"x",'Categorization (2)'!N$4)</f>
        <v/>
      </c>
      <c r="O88" s="112" t="str">
        <f>SUBSTITUTE(Categorization!O88,"x",'Categorization (2)'!O$4)</f>
        <v/>
      </c>
      <c r="P88" s="116" t="str">
        <f>SUBSTITUTE(Categorization!P88,"x",'Categorization (2)'!P$4)</f>
        <v xml:space="preserve">Problemy skórne/ Rany, owrzodzenia, odleżyny, podrażnienia/ </v>
      </c>
      <c r="Q88" s="116" t="str">
        <f>SUBSTITUTE(Categorization!Q88,"x",'Categorization (2)'!Q$4)</f>
        <v xml:space="preserve">Problemy skórne/ Stany zapalne skóry/ </v>
      </c>
      <c r="R88" s="120" t="str">
        <f>SUBSTITUTE(Categorization!R88,"x",'Categorization (2)'!R$4)</f>
        <v/>
      </c>
      <c r="S88" s="120" t="str">
        <f>SUBSTITUTE(Categorization!S88,"x",'Categorization (2)'!S$4)</f>
        <v/>
      </c>
      <c r="T88" s="120" t="str">
        <f>SUBSTITUTE(Categorization!T88,"x",'Categorization (2)'!T$4)</f>
        <v/>
      </c>
      <c r="U88" s="120" t="str">
        <f>SUBSTITUTE(Categorization!U88,"x",'Categorization (2)'!U$4)</f>
        <v/>
      </c>
      <c r="V88" s="127" t="str">
        <f>SUBSTITUTE(Categorization!V88,"x",'Categorization (2)'!V$4)</f>
        <v/>
      </c>
      <c r="W88" s="127" t="str">
        <f>SUBSTITUTE(Categorization!W88,"x",'Categorization (2)'!W$4)</f>
        <v/>
      </c>
      <c r="X88" s="127" t="str">
        <f>SUBSTITUTE(Categorization!X88,"x",'Categorization (2)'!X$4)</f>
        <v/>
      </c>
      <c r="Y88" s="127" t="str">
        <f>SUBSTITUTE(Categorization!Y88,"x",'Categorization (2)'!Y$4)</f>
        <v/>
      </c>
      <c r="Z88" s="127" t="str">
        <f>SUBSTITUTE(Categorization!Z88,"x",'Categorization (2)'!Z$4)</f>
        <v/>
      </c>
      <c r="AA88" s="124" t="str">
        <f>SUBSTITUTE(Categorization!AA88,"x",'Categorization (2)'!AA$4)</f>
        <v/>
      </c>
      <c r="AB88" s="124" t="str">
        <f>SUBSTITUTE(Categorization!AB88,"x",'Categorization (2)'!AB$4)</f>
        <v xml:space="preserve">Ciąża i dziecko/ Mama i dziecko/ Kremy i maści/ </v>
      </c>
      <c r="AC88" s="124" t="str">
        <f>SUBSTITUTE(Categorization!AC88,"x",'Categorization (2)'!AC$4)</f>
        <v/>
      </c>
      <c r="AD88" s="124" t="str">
        <f>SUBSTITUTE(Categorization!AD88,"x",'Categorization (2)'!AD$4)</f>
        <v/>
      </c>
      <c r="AE88" s="124" t="str">
        <f>SUBSTITUTE(Categorization!AE88,"x",'Categorization (2)'!AE$4)</f>
        <v/>
      </c>
      <c r="AF88" s="108" t="str">
        <f>SUBSTITUTE(Categorization!AF88,"x",'Categorization (2)'!AF$4)</f>
        <v/>
      </c>
      <c r="AG88" s="108" t="str">
        <f>SUBSTITUTE(Categorization!AG88,"x",'Categorization (2)'!AG$4)</f>
        <v/>
      </c>
      <c r="AH88" s="108" t="str">
        <f>SUBSTITUTE(Categorization!AH88,"x",'Categorization (2)'!AH$4)</f>
        <v/>
      </c>
      <c r="AI88" s="108" t="str">
        <f>SUBSTITUTE(Categorization!AI88,"x",'Categorization (2)'!AI$4)</f>
        <v/>
      </c>
      <c r="AJ88" s="108" t="str">
        <f>SUBSTITUTE(Categorization!AJ88,"x",'Categorization (2)'!AJ$4)</f>
        <v/>
      </c>
      <c r="AK88" s="116" t="str">
        <f>SUBSTITUTE(Categorization!AK88,"x",'Categorization (2)'!AK$4)</f>
        <v/>
      </c>
      <c r="AL88" s="129" t="str">
        <f>SUBSTITUTE(Categorization!AL88,"x",'Categorization (2)'!AL$4)</f>
        <v/>
      </c>
      <c r="AM88" s="129" t="str">
        <f>SUBSTITUTE(Categorization!AM88,"x",'Categorization (2)'!AM$4)</f>
        <v/>
      </c>
      <c r="AN88" s="131" t="str">
        <f>SUBSTITUTE(Categorization!AN88,"x",'Categorization (2)'!AN$4)</f>
        <v/>
      </c>
      <c r="AO88" s="131" t="str">
        <f>SUBSTITUTE(Categorization!AO88,"x",'Categorization (2)'!AO$4)</f>
        <v xml:space="preserve">Sklep rehabilitacyjny/ Higiena i pielęgnacja chorych/ </v>
      </c>
      <c r="AP88" s="131" t="str">
        <f>SUBSTITUTE(Categorization!AP88,"x",'Categorization (2)'!AP$4)</f>
        <v xml:space="preserve">Sklep rehabilitacyjny/ Dla pacjenta leżącego/ </v>
      </c>
      <c r="AQ88" s="131" t="str">
        <f>SUBSTITUTE(Categorization!AQ88,"x",'Categorization (2)'!AQ$4)</f>
        <v/>
      </c>
      <c r="AR88" s="131" t="str">
        <f>SUBSTITUTE(Categorization!AR88,"x",'Categorization (2)'!AR$4)</f>
        <v/>
      </c>
      <c r="AS88" s="131" t="str">
        <f>SUBSTITUTE(Categorization!AS88,"x",'Categorization (2)'!AS$4)</f>
        <v xml:space="preserve">Sklep rehabilitacyjny/ Akcesoria dla osób starszych i niepełnosprawnych/ </v>
      </c>
      <c r="AT88" s="131" t="str">
        <f>SUBSTITUTE(Categorization!AT88,"x",'Categorization (2)'!AT$4)</f>
        <v/>
      </c>
      <c r="AU88" s="103"/>
      <c r="AV88" s="97"/>
    </row>
    <row r="89" spans="1:48" s="1" customFormat="1" ht="13.5" customHeight="1">
      <c r="A89" s="9"/>
      <c r="B89" s="9" t="s">
        <v>80</v>
      </c>
      <c r="C89" s="5">
        <v>10</v>
      </c>
      <c r="D89" s="7" t="s">
        <v>40</v>
      </c>
      <c r="E89" s="7">
        <v>1208</v>
      </c>
      <c r="F89" s="6" t="s">
        <v>79</v>
      </c>
      <c r="G89" s="24"/>
      <c r="H89" s="112" t="str">
        <f>SUBSTITUTE(Categorization!H89,"x",'Categorization (2)'!H$4)</f>
        <v/>
      </c>
      <c r="I89" s="113" t="str">
        <f>SUBSTITUTE(Categorization!I89,"x",'Categorization (2)'!I$4)</f>
        <v>Kosmetyki/ dermo-kosmetyki/ Pielęgnacja/ Preparaty nawilżające</v>
      </c>
      <c r="J89" s="113" t="str">
        <f>SUBSTITUTE(Categorization!J89,"x",'Categorization (2)'!J$4)</f>
        <v/>
      </c>
      <c r="K89" s="113" t="str">
        <f>SUBSTITUTE(Categorization!K89,"x",'Categorization (2)'!K$4)</f>
        <v/>
      </c>
      <c r="L89" s="113" t="str">
        <f>SUBSTITUTE(Categorization!L89,"x",'Categorization (2)'!L$4)</f>
        <v/>
      </c>
      <c r="M89" s="113" t="str">
        <f>SUBSTITUTE(Categorization!M89,"x",'Categorization (2)'!M$4)</f>
        <v>Kosmetyki/ dermo-kosmetyki/ Pielęgnacja/ Skóra wrażliwa i alergiczna</v>
      </c>
      <c r="N89" s="113" t="str">
        <f>SUBSTITUTE(Categorization!N89,"x",'Categorization (2)'!N$4)</f>
        <v>Kosmetyki/ dermo-kosmetyki/ Pielęgnacja/ Szampony</v>
      </c>
      <c r="O89" s="113" t="str">
        <f>SUBSTITUTE(Categorization!O89,"x",'Categorization (2)'!O$4)</f>
        <v>Kosmetyki/ dermo-kosmetyki/ Pielęgnacja/ Żele, emulsje, płyny, pianki do kąpieli / Do kąpieli i pod prysznic</v>
      </c>
      <c r="P89" s="117" t="str">
        <f>SUBSTITUTE(Categorization!P89,"x",'Categorization (2)'!P$4)</f>
        <v/>
      </c>
      <c r="Q89" s="117" t="str">
        <f>SUBSTITUTE(Categorization!Q89,"x",'Categorization (2)'!Q$4)</f>
        <v/>
      </c>
      <c r="R89" s="121" t="str">
        <f>SUBSTITUTE(Categorization!R89,"x",'Categorization (2)'!R$4)</f>
        <v/>
      </c>
      <c r="S89" s="121" t="str">
        <f>SUBSTITUTE(Categorization!S89,"x",'Categorization (2)'!S$4)</f>
        <v xml:space="preserve">Higiena/ Artykuły higieniczne/ Żele, emulsje, płyny, pianki do kąpieli / Do kąpieli i pod prysznic/ </v>
      </c>
      <c r="T89" s="121" t="str">
        <f>SUBSTITUTE(Categorization!T89,"x",'Categorization (2)'!T$4)</f>
        <v/>
      </c>
      <c r="U89" s="121" t="str">
        <f>SUBSTITUTE(Categorization!U89,"x",'Categorization (2)'!U$4)</f>
        <v/>
      </c>
      <c r="V89" s="128" t="str">
        <f>SUBSTITUTE(Categorization!V89,"x",'Categorization (2)'!V$4)</f>
        <v/>
      </c>
      <c r="W89" s="128" t="str">
        <f>SUBSTITUTE(Categorization!W89,"x",'Categorization (2)'!W$4)</f>
        <v/>
      </c>
      <c r="X89" s="128" t="str">
        <f>SUBSTITUTE(Categorization!X89,"x",'Categorization (2)'!X$4)</f>
        <v/>
      </c>
      <c r="Y89" s="128" t="str">
        <f>SUBSTITUTE(Categorization!Y89,"x",'Categorization (2)'!Y$4)</f>
        <v/>
      </c>
      <c r="Z89" s="128" t="str">
        <f>SUBSTITUTE(Categorization!Z89,"x",'Categorization (2)'!Z$4)</f>
        <v/>
      </c>
      <c r="AA89" s="101" t="str">
        <f>SUBSTITUTE(Categorization!AA89,"x",'Categorization (2)'!AA$4)</f>
        <v/>
      </c>
      <c r="AB89" s="101" t="str">
        <f>SUBSTITUTE(Categorization!AB89,"x",'Categorization (2)'!AB$4)</f>
        <v/>
      </c>
      <c r="AC89" s="101" t="str">
        <f>SUBSTITUTE(Categorization!AC89,"x",'Categorization (2)'!AC$4)</f>
        <v/>
      </c>
      <c r="AD89" s="101" t="str">
        <f>SUBSTITUTE(Categorization!AD89,"x",'Categorization (2)'!AD$4)</f>
        <v/>
      </c>
      <c r="AE89" s="101" t="str">
        <f>SUBSTITUTE(Categorization!AE89,"x",'Categorization (2)'!AE$4)</f>
        <v/>
      </c>
      <c r="AF89" s="109" t="str">
        <f>SUBSTITUTE(Categorization!AF89,"x",'Categorization (2)'!AF$4)</f>
        <v/>
      </c>
      <c r="AG89" s="109" t="str">
        <f>SUBSTITUTE(Categorization!AG89,"x",'Categorization (2)'!AG$4)</f>
        <v/>
      </c>
      <c r="AH89" s="109" t="str">
        <f>SUBSTITUTE(Categorization!AH89,"x",'Categorization (2)'!AH$4)</f>
        <v/>
      </c>
      <c r="AI89" s="109" t="str">
        <f>SUBSTITUTE(Categorization!AI89,"x",'Categorization (2)'!AI$4)</f>
        <v/>
      </c>
      <c r="AJ89" s="109" t="str">
        <f>SUBSTITUTE(Categorization!AJ89,"x",'Categorization (2)'!AJ$4)</f>
        <v/>
      </c>
      <c r="AK89" s="117" t="str">
        <f>SUBSTITUTE(Categorization!AK89,"x",'Categorization (2)'!AK$4)</f>
        <v/>
      </c>
      <c r="AL89" s="130" t="str">
        <f>SUBSTITUTE(Categorization!AL89,"x",'Categorization (2)'!AL$4)</f>
        <v/>
      </c>
      <c r="AM89" s="130" t="str">
        <f>SUBSTITUTE(Categorization!AM89,"x",'Categorization (2)'!AM$4)</f>
        <v/>
      </c>
      <c r="AN89" s="132" t="str">
        <f>SUBSTITUTE(Categorization!AN89,"x",'Categorization (2)'!AN$4)</f>
        <v/>
      </c>
      <c r="AO89" s="132" t="str">
        <f>SUBSTITUTE(Categorization!AO89,"x",'Categorization (2)'!AO$4)</f>
        <v xml:space="preserve">Sklep rehabilitacyjny/ Higiena i pielęgnacja chorych/ </v>
      </c>
      <c r="AP89" s="132" t="str">
        <f>SUBSTITUTE(Categorization!AP89,"x",'Categorization (2)'!AP$4)</f>
        <v xml:space="preserve">Sklep rehabilitacyjny/ Dla pacjenta leżącego/ </v>
      </c>
      <c r="AQ89" s="132" t="str">
        <f>SUBSTITUTE(Categorization!AQ89,"x",'Categorization (2)'!AQ$4)</f>
        <v/>
      </c>
      <c r="AR89" s="132" t="str">
        <f>SUBSTITUTE(Categorization!AR89,"x",'Categorization (2)'!AR$4)</f>
        <v/>
      </c>
      <c r="AS89" s="132" t="str">
        <f>SUBSTITUTE(Categorization!AS89,"x",'Categorization (2)'!AS$4)</f>
        <v xml:space="preserve">Sklep rehabilitacyjny/ Akcesoria dla osób starszych i niepełnosprawnych/ </v>
      </c>
      <c r="AT89" s="132" t="str">
        <f>SUBSTITUTE(Categorization!AT89,"x",'Categorization (2)'!AT$4)</f>
        <v/>
      </c>
      <c r="AU89" s="104"/>
      <c r="AV89" s="98"/>
    </row>
    <row r="90" spans="1:48" s="2" customFormat="1" ht="7.5" customHeight="1">
      <c r="A90" s="20"/>
      <c r="B90" s="20"/>
      <c r="C90" s="133"/>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97"/>
    </row>
  </sheetData>
  <customSheetViews>
    <customSheetView guid="{8A17AC69-55DF-4614-B83A-7D93DE081E37}"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0201BF4B-EFA9-4D0B-B527-84BCDAABA531}"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22"/>
  <sheetViews>
    <sheetView workbookViewId="0">
      <selection activeCell="I26" sqref="I26"/>
    </sheetView>
  </sheetViews>
  <sheetFormatPr defaultRowHeight="13.2"/>
  <cols>
    <col min="1" max="1" width="3" bestFit="1" customWidth="1"/>
    <col min="2" max="2" width="15.88671875" customWidth="1"/>
    <col min="3" max="3" width="21.109375" customWidth="1"/>
    <col min="4" max="4" width="19.88671875" bestFit="1" customWidth="1"/>
    <col min="5" max="5" width="12.44140625" bestFit="1" customWidth="1"/>
    <col min="6" max="6" width="15.33203125" bestFit="1" customWidth="1"/>
  </cols>
  <sheetData>
    <row r="2" spans="1:6" ht="13.8">
      <c r="A2" s="91" t="s">
        <v>271</v>
      </c>
      <c r="B2" s="92" t="s">
        <v>418</v>
      </c>
      <c r="C2" s="92" t="s">
        <v>215</v>
      </c>
      <c r="D2" s="92" t="s">
        <v>273</v>
      </c>
      <c r="E2" s="92" t="s">
        <v>270</v>
      </c>
      <c r="F2" s="92" t="s">
        <v>274</v>
      </c>
    </row>
    <row r="3" spans="1:6" ht="13.8">
      <c r="A3" s="94">
        <v>1</v>
      </c>
      <c r="B3" s="91" t="s">
        <v>246</v>
      </c>
      <c r="C3" s="95" t="s">
        <v>294</v>
      </c>
      <c r="D3" s="91" t="s">
        <v>308</v>
      </c>
      <c r="E3" s="96">
        <v>15</v>
      </c>
      <c r="F3" s="93" t="s">
        <v>275</v>
      </c>
    </row>
    <row r="4" spans="1:6" ht="13.8">
      <c r="A4" s="94">
        <v>2</v>
      </c>
      <c r="B4" s="91" t="s">
        <v>246</v>
      </c>
      <c r="C4" s="95" t="s">
        <v>295</v>
      </c>
      <c r="D4" s="91" t="s">
        <v>309</v>
      </c>
      <c r="E4" s="96">
        <v>10</v>
      </c>
      <c r="F4" s="93" t="s">
        <v>275</v>
      </c>
    </row>
    <row r="5" spans="1:6" ht="13.8">
      <c r="A5" s="94">
        <v>3</v>
      </c>
      <c r="B5" s="91" t="s">
        <v>246</v>
      </c>
      <c r="C5" s="95" t="s">
        <v>296</v>
      </c>
      <c r="D5" s="91" t="s">
        <v>309</v>
      </c>
      <c r="E5" s="96">
        <v>30</v>
      </c>
      <c r="F5" s="93" t="s">
        <v>275</v>
      </c>
    </row>
    <row r="6" spans="1:6" ht="13.8">
      <c r="A6" s="94">
        <v>4</v>
      </c>
      <c r="B6" s="91" t="s">
        <v>246</v>
      </c>
      <c r="C6" s="95" t="s">
        <v>297</v>
      </c>
      <c r="D6" s="91" t="s">
        <v>310</v>
      </c>
      <c r="E6" s="96">
        <v>10</v>
      </c>
      <c r="F6" s="93" t="s">
        <v>275</v>
      </c>
    </row>
    <row r="7" spans="1:6" ht="13.8">
      <c r="A7" s="94">
        <v>5</v>
      </c>
      <c r="B7" s="91" t="s">
        <v>246</v>
      </c>
      <c r="C7" s="95" t="s">
        <v>298</v>
      </c>
      <c r="D7" s="91" t="s">
        <v>310</v>
      </c>
      <c r="E7" s="96">
        <v>30</v>
      </c>
      <c r="F7" s="93" t="s">
        <v>275</v>
      </c>
    </row>
    <row r="8" spans="1:6" ht="13.8">
      <c r="A8" s="94">
        <v>6</v>
      </c>
      <c r="B8" s="91" t="s">
        <v>246</v>
      </c>
      <c r="C8" s="95" t="s">
        <v>299</v>
      </c>
      <c r="D8" s="91" t="s">
        <v>311</v>
      </c>
      <c r="E8" s="96">
        <v>15</v>
      </c>
      <c r="F8" s="93" t="s">
        <v>275</v>
      </c>
    </row>
    <row r="9" spans="1:6" ht="13.8">
      <c r="A9" s="94">
        <v>7</v>
      </c>
      <c r="B9" s="91" t="s">
        <v>246</v>
      </c>
      <c r="C9" s="95" t="s">
        <v>300</v>
      </c>
      <c r="D9" s="91" t="s">
        <v>308</v>
      </c>
      <c r="E9" s="96">
        <v>14</v>
      </c>
      <c r="F9" s="93" t="s">
        <v>276</v>
      </c>
    </row>
    <row r="10" spans="1:6" ht="13.8">
      <c r="A10" s="94">
        <v>8</v>
      </c>
      <c r="B10" s="91" t="s">
        <v>246</v>
      </c>
      <c r="C10" s="95" t="s">
        <v>413</v>
      </c>
      <c r="D10" s="91" t="s">
        <v>309</v>
      </c>
      <c r="E10" s="96">
        <v>10</v>
      </c>
      <c r="F10" s="93" t="s">
        <v>276</v>
      </c>
    </row>
    <row r="11" spans="1:6" s="159" customFormat="1" ht="13.8">
      <c r="A11" s="94">
        <v>9</v>
      </c>
      <c r="B11" s="91" t="s">
        <v>246</v>
      </c>
      <c r="C11" s="95" t="s">
        <v>301</v>
      </c>
      <c r="D11" s="91" t="s">
        <v>309</v>
      </c>
      <c r="E11" s="96">
        <v>30</v>
      </c>
      <c r="F11" s="93" t="s">
        <v>276</v>
      </c>
    </row>
    <row r="12" spans="1:6" ht="13.8">
      <c r="A12" s="94">
        <v>10</v>
      </c>
      <c r="B12" s="91" t="s">
        <v>246</v>
      </c>
      <c r="C12" s="95" t="s">
        <v>414</v>
      </c>
      <c r="D12" s="91" t="s">
        <v>310</v>
      </c>
      <c r="E12" s="96">
        <v>10</v>
      </c>
      <c r="F12" s="93" t="s">
        <v>276</v>
      </c>
    </row>
    <row r="13" spans="1:6" s="159" customFormat="1" ht="13.8">
      <c r="A13" s="94">
        <v>11</v>
      </c>
      <c r="B13" s="91" t="s">
        <v>246</v>
      </c>
      <c r="C13" s="95" t="s">
        <v>302</v>
      </c>
      <c r="D13" s="91" t="s">
        <v>310</v>
      </c>
      <c r="E13" s="96">
        <v>30</v>
      </c>
      <c r="F13" s="93" t="s">
        <v>276</v>
      </c>
    </row>
    <row r="14" spans="1:6" ht="13.8">
      <c r="A14" s="94">
        <v>12</v>
      </c>
      <c r="B14" s="91" t="s">
        <v>246</v>
      </c>
      <c r="C14" s="95" t="s">
        <v>303</v>
      </c>
      <c r="D14" s="91" t="s">
        <v>311</v>
      </c>
      <c r="E14" s="96">
        <v>12</v>
      </c>
      <c r="F14" s="93" t="s">
        <v>276</v>
      </c>
    </row>
    <row r="15" spans="1:6" ht="13.8">
      <c r="A15" s="94">
        <v>13</v>
      </c>
      <c r="B15" s="91" t="s">
        <v>246</v>
      </c>
      <c r="C15" s="95" t="s">
        <v>304</v>
      </c>
      <c r="D15" s="91" t="s">
        <v>309</v>
      </c>
      <c r="E15" s="96">
        <v>12</v>
      </c>
      <c r="F15" s="93" t="s">
        <v>306</v>
      </c>
    </row>
    <row r="16" spans="1:6" s="159" customFormat="1" ht="13.8">
      <c r="A16" s="94">
        <v>14</v>
      </c>
      <c r="B16" s="91" t="s">
        <v>246</v>
      </c>
      <c r="C16" s="95" t="s">
        <v>304</v>
      </c>
      <c r="D16" s="91" t="s">
        <v>309</v>
      </c>
      <c r="E16" s="96">
        <v>30</v>
      </c>
      <c r="F16" s="93" t="s">
        <v>306</v>
      </c>
    </row>
    <row r="17" spans="1:6" ht="13.8">
      <c r="A17" s="94">
        <v>15</v>
      </c>
      <c r="B17" s="91" t="s">
        <v>246</v>
      </c>
      <c r="C17" s="95" t="s">
        <v>305</v>
      </c>
      <c r="D17" s="91" t="s">
        <v>310</v>
      </c>
      <c r="E17" s="96">
        <v>12</v>
      </c>
      <c r="F17" s="93" t="s">
        <v>306</v>
      </c>
    </row>
    <row r="18" spans="1:6" ht="13.8">
      <c r="A18" s="94">
        <v>16</v>
      </c>
      <c r="B18" s="91" t="s">
        <v>246</v>
      </c>
      <c r="C18" s="95" t="s">
        <v>305</v>
      </c>
      <c r="D18" s="91" t="s">
        <v>310</v>
      </c>
      <c r="E18" s="96">
        <v>30</v>
      </c>
      <c r="F18" s="93" t="s">
        <v>306</v>
      </c>
    </row>
    <row r="19" spans="1:6" s="159" customFormat="1" ht="13.8">
      <c r="A19" s="94">
        <v>17</v>
      </c>
      <c r="B19" s="91" t="s">
        <v>419</v>
      </c>
      <c r="C19" s="95" t="s">
        <v>413</v>
      </c>
      <c r="D19" s="91" t="s">
        <v>421</v>
      </c>
      <c r="E19" s="96">
        <v>9</v>
      </c>
      <c r="F19" s="93" t="s">
        <v>275</v>
      </c>
    </row>
    <row r="20" spans="1:6" s="159" customFormat="1" ht="13.8">
      <c r="A20" s="94">
        <v>18</v>
      </c>
      <c r="B20" s="91" t="s">
        <v>419</v>
      </c>
      <c r="C20" s="95" t="s">
        <v>423</v>
      </c>
      <c r="D20" s="91" t="s">
        <v>421</v>
      </c>
      <c r="E20" s="96">
        <v>30</v>
      </c>
      <c r="F20" s="93" t="s">
        <v>275</v>
      </c>
    </row>
    <row r="21" spans="1:6" s="159" customFormat="1" ht="13.8">
      <c r="A21" s="94">
        <v>19</v>
      </c>
      <c r="B21" s="91" t="s">
        <v>420</v>
      </c>
      <c r="C21" s="95" t="s">
        <v>414</v>
      </c>
      <c r="D21" s="91" t="s">
        <v>422</v>
      </c>
      <c r="E21" s="96">
        <v>8</v>
      </c>
      <c r="F21" s="93" t="s">
        <v>275</v>
      </c>
    </row>
    <row r="22" spans="1:6" s="159" customFormat="1" ht="13.8">
      <c r="A22" s="94">
        <v>20</v>
      </c>
      <c r="B22" s="91" t="s">
        <v>420</v>
      </c>
      <c r="C22" s="95" t="s">
        <v>424</v>
      </c>
      <c r="D22" s="91" t="s">
        <v>422</v>
      </c>
      <c r="E22" s="96">
        <v>30</v>
      </c>
      <c r="F22" s="93" t="s">
        <v>275</v>
      </c>
    </row>
  </sheetData>
  <customSheetViews>
    <customSheetView guid="{8A17AC69-55DF-4614-B83A-7D93DE081E37}">
      <selection activeCell="L39" sqref="L39"/>
      <pageMargins left="0.7" right="0.7" top="0.75" bottom="0.75" header="0.3" footer="0.3"/>
    </customSheetView>
    <customSheetView guid="{6B575A70-6A6A-450F-AE29-EB915E5E7E05}">
      <selection activeCell="F16" sqref="F16"/>
      <pageMargins left="0.7" right="0.7" top="0.75" bottom="0.75" header="0.3" footer="0.3"/>
    </customSheetView>
    <customSheetView guid="{347297B9-E98D-48A5-81C7-A3B6F79B807D}">
      <selection activeCell="F16" sqref="F16"/>
      <pageMargins left="0.7" right="0.7" top="0.75" bottom="0.75" header="0.3" footer="0.3"/>
    </customSheetView>
    <customSheetView guid="{0201BF4B-EFA9-4D0B-B527-84BCDAABA531}">
      <selection activeCell="A4" sqref="A4:F16"/>
      <pageMargins left="0.7" right="0.7" top="0.75" bottom="0.75" header="0.3" footer="0.3"/>
    </customSheetView>
  </customSheetView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3"/>
  <sheetViews>
    <sheetView workbookViewId="0">
      <selection activeCell="E16" sqref="E16"/>
    </sheetView>
  </sheetViews>
  <sheetFormatPr defaultColWidth="9.109375" defaultRowHeight="14.4"/>
  <cols>
    <col min="1" max="1" width="9.109375" style="29"/>
    <col min="2" max="2" width="22.33203125" style="29" customWidth="1"/>
    <col min="3" max="3" width="39.33203125" style="29" bestFit="1" customWidth="1"/>
    <col min="4" max="4" width="7.44140625" style="29" customWidth="1"/>
    <col min="5" max="5" width="26.109375" style="36" customWidth="1"/>
    <col min="6" max="8" width="5" style="37" customWidth="1"/>
    <col min="9" max="9" width="34.109375" style="29" customWidth="1"/>
    <col min="10" max="16384" width="9.109375" style="29"/>
  </cols>
  <sheetData>
    <row r="1" spans="1:9" s="38" customFormat="1" ht="26.25" customHeight="1">
      <c r="A1" s="64" t="s">
        <v>147</v>
      </c>
      <c r="B1" s="65" t="s">
        <v>164</v>
      </c>
      <c r="C1" s="65" t="s">
        <v>141</v>
      </c>
      <c r="D1" s="65" t="s">
        <v>174</v>
      </c>
      <c r="E1" s="65" t="s">
        <v>142</v>
      </c>
      <c r="F1" s="65" t="s">
        <v>143</v>
      </c>
      <c r="G1" s="65" t="s">
        <v>144</v>
      </c>
      <c r="H1" s="65" t="s">
        <v>145</v>
      </c>
      <c r="I1" s="66" t="s">
        <v>226</v>
      </c>
    </row>
    <row r="2" spans="1:9">
      <c r="A2" s="51" t="s">
        <v>146</v>
      </c>
      <c r="B2" s="52" t="s">
        <v>140</v>
      </c>
      <c r="C2" s="53" t="s">
        <v>233</v>
      </c>
      <c r="D2" s="52" t="s">
        <v>175</v>
      </c>
      <c r="E2" s="54" t="s">
        <v>225</v>
      </c>
      <c r="F2" s="55" t="s">
        <v>180</v>
      </c>
      <c r="G2" s="55" t="s">
        <v>180</v>
      </c>
      <c r="H2" s="55" t="s">
        <v>180</v>
      </c>
      <c r="I2" s="56" t="s">
        <v>234</v>
      </c>
    </row>
    <row r="3" spans="1:9">
      <c r="A3" s="51" t="s">
        <v>146</v>
      </c>
      <c r="B3" s="52" t="s">
        <v>241</v>
      </c>
      <c r="C3" s="53" t="s">
        <v>239</v>
      </c>
      <c r="D3" s="52"/>
      <c r="E3" s="54"/>
      <c r="F3" s="55" t="s">
        <v>180</v>
      </c>
      <c r="G3" s="55" t="s">
        <v>180</v>
      </c>
      <c r="H3" s="55" t="s">
        <v>180</v>
      </c>
      <c r="I3" s="56"/>
    </row>
    <row r="4" spans="1:9">
      <c r="A4" s="51" t="s">
        <v>146</v>
      </c>
      <c r="B4" s="52" t="s">
        <v>235</v>
      </c>
      <c r="C4" s="53" t="s">
        <v>239</v>
      </c>
      <c r="D4" s="52"/>
      <c r="E4" s="54"/>
      <c r="F4" s="55" t="s">
        <v>180</v>
      </c>
      <c r="G4" s="55" t="s">
        <v>180</v>
      </c>
      <c r="H4" s="55" t="s">
        <v>180</v>
      </c>
      <c r="I4" s="56"/>
    </row>
    <row r="5" spans="1:9">
      <c r="A5" s="51" t="s">
        <v>146</v>
      </c>
      <c r="B5" s="57" t="s">
        <v>215</v>
      </c>
      <c r="C5" s="53" t="s">
        <v>240</v>
      </c>
      <c r="D5" s="52"/>
      <c r="E5" s="54"/>
      <c r="F5" s="55" t="s">
        <v>180</v>
      </c>
      <c r="G5" s="55" t="s">
        <v>180</v>
      </c>
      <c r="H5" s="55" t="s">
        <v>180</v>
      </c>
      <c r="I5" s="56"/>
    </row>
    <row r="6" spans="1:9">
      <c r="A6" s="51" t="s">
        <v>146</v>
      </c>
      <c r="B6" s="52" t="s">
        <v>146</v>
      </c>
      <c r="C6" s="53" t="s">
        <v>186</v>
      </c>
      <c r="D6" s="52" t="s">
        <v>175</v>
      </c>
      <c r="E6" s="54" t="s">
        <v>227</v>
      </c>
      <c r="F6" s="55" t="s">
        <v>180</v>
      </c>
      <c r="G6" s="55" t="s">
        <v>180</v>
      </c>
      <c r="H6" s="55" t="s">
        <v>180</v>
      </c>
      <c r="I6" s="56" t="s">
        <v>231</v>
      </c>
    </row>
    <row r="7" spans="1:9">
      <c r="A7" s="51" t="s">
        <v>146</v>
      </c>
      <c r="B7" s="52" t="s">
        <v>156</v>
      </c>
      <c r="C7" s="53" t="s">
        <v>186</v>
      </c>
      <c r="D7" s="52"/>
      <c r="E7" s="54" t="s">
        <v>228</v>
      </c>
      <c r="F7" s="55" t="s">
        <v>180</v>
      </c>
      <c r="G7" s="55"/>
      <c r="H7" s="55"/>
      <c r="I7" s="56" t="s">
        <v>231</v>
      </c>
    </row>
    <row r="8" spans="1:9">
      <c r="A8" s="51" t="s">
        <v>146</v>
      </c>
      <c r="B8" s="52" t="s">
        <v>155</v>
      </c>
      <c r="C8" s="53" t="s">
        <v>186</v>
      </c>
      <c r="D8" s="52"/>
      <c r="E8" s="54"/>
      <c r="F8" s="55"/>
      <c r="G8" s="55"/>
      <c r="H8" s="55"/>
      <c r="I8" s="56" t="s">
        <v>252</v>
      </c>
    </row>
    <row r="9" spans="1:9">
      <c r="A9" s="51" t="s">
        <v>146</v>
      </c>
      <c r="B9" s="52" t="s">
        <v>151</v>
      </c>
      <c r="C9" s="53" t="s">
        <v>186</v>
      </c>
      <c r="D9" s="52"/>
      <c r="E9" s="54" t="s">
        <v>229</v>
      </c>
      <c r="F9" s="55" t="s">
        <v>180</v>
      </c>
      <c r="G9" s="55"/>
      <c r="H9" s="55"/>
      <c r="I9" s="56" t="s">
        <v>231</v>
      </c>
    </row>
    <row r="10" spans="1:9">
      <c r="A10" s="51" t="s">
        <v>146</v>
      </c>
      <c r="B10" s="57" t="s">
        <v>152</v>
      </c>
      <c r="C10" s="53" t="s">
        <v>186</v>
      </c>
      <c r="D10" s="52"/>
      <c r="E10" s="54" t="s">
        <v>230</v>
      </c>
      <c r="F10" s="55" t="s">
        <v>180</v>
      </c>
      <c r="G10" s="55"/>
      <c r="H10" s="55"/>
      <c r="I10" s="56"/>
    </row>
    <row r="11" spans="1:9">
      <c r="A11" s="51" t="s">
        <v>146</v>
      </c>
      <c r="B11" s="57" t="s">
        <v>148</v>
      </c>
      <c r="C11" s="53" t="s">
        <v>186</v>
      </c>
      <c r="D11" s="52"/>
      <c r="E11" s="54" t="s">
        <v>181</v>
      </c>
      <c r="F11" s="55" t="s">
        <v>180</v>
      </c>
      <c r="G11" s="55"/>
      <c r="H11" s="55"/>
      <c r="I11" s="56"/>
    </row>
    <row r="12" spans="1:9">
      <c r="A12" s="51" t="s">
        <v>146</v>
      </c>
      <c r="B12" s="57" t="s">
        <v>149</v>
      </c>
      <c r="C12" s="53" t="s">
        <v>166</v>
      </c>
      <c r="D12" s="52" t="s">
        <v>175</v>
      </c>
      <c r="E12" s="54" t="s">
        <v>167</v>
      </c>
      <c r="F12" s="55"/>
      <c r="G12" s="55"/>
      <c r="H12" s="55"/>
      <c r="I12" s="56"/>
    </row>
    <row r="13" spans="1:9">
      <c r="A13" s="51" t="s">
        <v>146</v>
      </c>
      <c r="B13" s="57" t="s">
        <v>150</v>
      </c>
      <c r="C13" s="53" t="s">
        <v>157</v>
      </c>
      <c r="D13" s="52" t="s">
        <v>175</v>
      </c>
      <c r="E13" s="54" t="s">
        <v>165</v>
      </c>
      <c r="F13" s="55"/>
      <c r="G13" s="55"/>
      <c r="H13" s="55"/>
      <c r="I13" s="56"/>
    </row>
    <row r="14" spans="1:9">
      <c r="A14" s="51" t="s">
        <v>146</v>
      </c>
      <c r="B14" s="52" t="s">
        <v>173</v>
      </c>
      <c r="C14" s="53" t="s">
        <v>216</v>
      </c>
      <c r="D14" s="52" t="s">
        <v>176</v>
      </c>
      <c r="E14" s="54"/>
      <c r="F14" s="55"/>
      <c r="G14" s="55"/>
      <c r="H14" s="55"/>
      <c r="I14" s="56"/>
    </row>
    <row r="15" spans="1:9">
      <c r="A15" s="51" t="s">
        <v>146</v>
      </c>
      <c r="B15" s="52" t="s">
        <v>179</v>
      </c>
      <c r="C15" s="53" t="s">
        <v>217</v>
      </c>
      <c r="D15" s="52" t="s">
        <v>236</v>
      </c>
      <c r="E15" s="54" t="s">
        <v>259</v>
      </c>
      <c r="F15" s="55" t="s">
        <v>180</v>
      </c>
      <c r="G15" s="55"/>
      <c r="H15" s="55"/>
      <c r="I15" s="56" t="s">
        <v>232</v>
      </c>
    </row>
    <row r="16" spans="1:9">
      <c r="A16" s="51" t="s">
        <v>169</v>
      </c>
      <c r="B16" s="57" t="s">
        <v>153</v>
      </c>
      <c r="C16" s="53" t="s">
        <v>158</v>
      </c>
      <c r="D16" s="52" t="s">
        <v>175</v>
      </c>
      <c r="E16" s="85" t="s">
        <v>168</v>
      </c>
      <c r="F16" s="55"/>
      <c r="G16" s="55"/>
      <c r="H16" s="55"/>
      <c r="I16" s="56"/>
    </row>
    <row r="17" spans="1:10">
      <c r="A17" s="51" t="s">
        <v>169</v>
      </c>
      <c r="B17" s="57" t="s">
        <v>154</v>
      </c>
      <c r="C17" s="53" t="s">
        <v>237</v>
      </c>
      <c r="D17" s="52" t="s">
        <v>175</v>
      </c>
      <c r="E17" s="54" t="s">
        <v>238</v>
      </c>
      <c r="F17" s="55" t="s">
        <v>180</v>
      </c>
      <c r="G17" s="55" t="s">
        <v>180</v>
      </c>
      <c r="H17" s="55" t="s">
        <v>180</v>
      </c>
      <c r="I17" s="56"/>
    </row>
    <row r="18" spans="1:10">
      <c r="A18" s="51" t="s">
        <v>177</v>
      </c>
      <c r="B18" s="57" t="s">
        <v>257</v>
      </c>
      <c r="C18" s="53" t="s">
        <v>178</v>
      </c>
      <c r="D18" s="52" t="s">
        <v>175</v>
      </c>
      <c r="E18" s="54" t="s">
        <v>159</v>
      </c>
      <c r="F18" s="55" t="s">
        <v>180</v>
      </c>
      <c r="G18" s="55" t="s">
        <v>180</v>
      </c>
      <c r="H18" s="55" t="s">
        <v>180</v>
      </c>
      <c r="I18" s="56"/>
    </row>
    <row r="19" spans="1:10">
      <c r="A19" s="51" t="s">
        <v>177</v>
      </c>
      <c r="B19" s="52" t="s">
        <v>170</v>
      </c>
      <c r="C19" s="53" t="s">
        <v>178</v>
      </c>
      <c r="D19" s="52" t="s">
        <v>165</v>
      </c>
      <c r="E19" s="54"/>
      <c r="F19" s="55"/>
      <c r="G19" s="55"/>
      <c r="H19" s="55"/>
      <c r="I19" s="56"/>
    </row>
    <row r="20" spans="1:10">
      <c r="A20" s="51" t="s">
        <v>177</v>
      </c>
      <c r="B20" s="52" t="s">
        <v>160</v>
      </c>
      <c r="C20" s="53" t="s">
        <v>178</v>
      </c>
      <c r="D20" s="52" t="s">
        <v>165</v>
      </c>
      <c r="E20" s="54"/>
      <c r="F20" s="55"/>
      <c r="G20" s="55"/>
      <c r="H20" s="55"/>
      <c r="I20" s="56"/>
    </row>
    <row r="21" spans="1:10">
      <c r="A21" s="51" t="s">
        <v>177</v>
      </c>
      <c r="B21" s="52" t="s">
        <v>161</v>
      </c>
      <c r="C21" s="53" t="s">
        <v>178</v>
      </c>
      <c r="D21" s="52" t="s">
        <v>165</v>
      </c>
      <c r="E21" s="54"/>
      <c r="F21" s="55"/>
      <c r="G21" s="55"/>
      <c r="H21" s="55"/>
      <c r="I21" s="56"/>
    </row>
    <row r="22" spans="1:10">
      <c r="A22" s="51" t="s">
        <v>220</v>
      </c>
      <c r="B22" s="52" t="s">
        <v>221</v>
      </c>
      <c r="C22" s="53" t="s">
        <v>260</v>
      </c>
      <c r="D22" s="52" t="s">
        <v>175</v>
      </c>
      <c r="E22" s="54"/>
      <c r="F22" s="55" t="s">
        <v>180</v>
      </c>
      <c r="G22" s="55" t="s">
        <v>180</v>
      </c>
      <c r="H22" s="55" t="s">
        <v>180</v>
      </c>
      <c r="I22" s="56" t="s">
        <v>258</v>
      </c>
    </row>
    <row r="23" spans="1:10">
      <c r="A23" s="51" t="s">
        <v>220</v>
      </c>
      <c r="B23" s="52" t="s">
        <v>222</v>
      </c>
      <c r="C23" s="53" t="s">
        <v>260</v>
      </c>
      <c r="D23" s="52" t="s">
        <v>165</v>
      </c>
      <c r="E23" s="54"/>
      <c r="F23" s="55"/>
      <c r="G23" s="55"/>
      <c r="H23" s="55" t="s">
        <v>180</v>
      </c>
      <c r="I23" s="56" t="s">
        <v>258</v>
      </c>
    </row>
    <row r="24" spans="1:10">
      <c r="A24" s="51" t="s">
        <v>220</v>
      </c>
      <c r="B24" s="52" t="s">
        <v>223</v>
      </c>
      <c r="C24" s="53" t="s">
        <v>260</v>
      </c>
      <c r="D24" s="52" t="s">
        <v>224</v>
      </c>
      <c r="E24" s="54"/>
      <c r="F24" s="55"/>
      <c r="G24" s="55"/>
      <c r="H24" s="55" t="s">
        <v>180</v>
      </c>
      <c r="I24" s="56" t="s">
        <v>258</v>
      </c>
    </row>
    <row r="25" spans="1:10">
      <c r="A25" s="51" t="s">
        <v>218</v>
      </c>
      <c r="B25" s="52" t="s">
        <v>219</v>
      </c>
      <c r="C25" s="53" t="s">
        <v>260</v>
      </c>
      <c r="D25" s="52" t="s">
        <v>165</v>
      </c>
      <c r="E25" s="54"/>
      <c r="F25" s="55"/>
      <c r="G25" s="55"/>
      <c r="H25" s="55"/>
      <c r="I25" s="56"/>
    </row>
    <row r="26" spans="1:10">
      <c r="A26" s="51" t="s">
        <v>218</v>
      </c>
      <c r="B26" s="52" t="s">
        <v>162</v>
      </c>
      <c r="C26" s="53" t="s">
        <v>171</v>
      </c>
      <c r="D26" s="52" t="s">
        <v>165</v>
      </c>
      <c r="E26" s="54"/>
      <c r="F26" s="55"/>
      <c r="G26" s="55"/>
      <c r="H26" s="55"/>
      <c r="I26" s="56" t="s">
        <v>258</v>
      </c>
    </row>
    <row r="27" spans="1:10">
      <c r="A27" s="58" t="s">
        <v>218</v>
      </c>
      <c r="B27" s="59" t="s">
        <v>163</v>
      </c>
      <c r="C27" s="60" t="s">
        <v>172</v>
      </c>
      <c r="D27" s="59" t="s">
        <v>165</v>
      </c>
      <c r="E27" s="61"/>
      <c r="F27" s="62"/>
      <c r="G27" s="62" t="s">
        <v>180</v>
      </c>
      <c r="H27" s="62"/>
      <c r="I27" s="63"/>
    </row>
    <row r="29" spans="1:10">
      <c r="B29" s="34" t="s">
        <v>182</v>
      </c>
      <c r="I29" s="29" t="s">
        <v>255</v>
      </c>
      <c r="J29" s="29" t="s">
        <v>256</v>
      </c>
    </row>
    <row r="30" spans="1:10">
      <c r="B30" s="35" t="s">
        <v>183</v>
      </c>
      <c r="I30" s="29" t="s">
        <v>254</v>
      </c>
      <c r="J30" s="29" t="s">
        <v>112</v>
      </c>
    </row>
    <row r="31" spans="1:10">
      <c r="B31" s="35" t="s">
        <v>184</v>
      </c>
    </row>
    <row r="32" spans="1:10">
      <c r="B32" s="35" t="s">
        <v>185</v>
      </c>
    </row>
    <row r="33" spans="2:2">
      <c r="B33" s="35" t="s">
        <v>253</v>
      </c>
    </row>
  </sheetData>
  <customSheetViews>
    <customSheetView guid="{8A17AC69-55DF-4614-B83A-7D93DE081E37}" state="hidden">
      <selection activeCell="E16" sqref="E16"/>
      <pageMargins left="0.7" right="0.7" top="0.75" bottom="0.75" header="0.3" footer="0.3"/>
      <pageSetup paperSize="9" orientation="portrait" r:id="rId1"/>
    </customSheetView>
    <customSheetView guid="{6B575A70-6A6A-450F-AE29-EB915E5E7E05}">
      <selection activeCell="D39" sqref="D39"/>
      <pageMargins left="0.7" right="0.7" top="0.75" bottom="0.75" header="0.3" footer="0.3"/>
      <pageSetup paperSize="9" orientation="portrait" r:id="rId2"/>
    </customSheetView>
    <customSheetView guid="{347297B9-E98D-48A5-81C7-A3B6F79B807D}">
      <selection activeCell="D39" sqref="D39"/>
      <pageMargins left="0.7" right="0.7" top="0.75" bottom="0.75" header="0.3" footer="0.3"/>
      <pageSetup paperSize="9" orientation="portrait" r:id="rId3"/>
    </customSheetView>
    <customSheetView guid="{0201BF4B-EFA9-4D0B-B527-84BCDAABA531}">
      <selection activeCell="D39" sqref="D39"/>
      <pageMargins left="0.7" right="0.7" top="0.75" bottom="0.75" header="0.3" footer="0.3"/>
      <pageSetup paperSize="9" orientation="portrait" r:id="rId4"/>
    </customSheetView>
  </customSheetViews>
  <hyperlinks>
    <hyperlink ref="B31" r:id="rId5"/>
    <hyperlink ref="B32" r:id="rId6"/>
    <hyperlink ref="B30" r:id="rId7"/>
    <hyperlink ref="B33" r:id="rId8"/>
  </hyperlinks>
  <pageMargins left="0.7" right="0.7" top="0.75" bottom="0.75" header="0.3" footer="0.3"/>
  <pageSetup paperSize="9" orientation="portrait" r:id="rId9"/>
  <drawing r:id="rId1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2"/>
  <sheetViews>
    <sheetView workbookViewId="0">
      <selection activeCell="O45" sqref="O45"/>
    </sheetView>
  </sheetViews>
  <sheetFormatPr defaultColWidth="9.109375" defaultRowHeight="15.6"/>
  <cols>
    <col min="1" max="1" width="36.88671875" style="30" customWidth="1"/>
    <col min="2" max="16384" width="9.109375" style="30"/>
  </cols>
  <sheetData>
    <row r="1" spans="1:3">
      <c r="A1" s="30" t="s">
        <v>187</v>
      </c>
    </row>
    <row r="2" spans="1:3">
      <c r="A2" s="30" t="s">
        <v>188</v>
      </c>
      <c r="B2" s="30">
        <v>0</v>
      </c>
    </row>
    <row r="3" spans="1:3">
      <c r="A3" s="30" t="s">
        <v>189</v>
      </c>
      <c r="B3" s="30">
        <v>0</v>
      </c>
    </row>
    <row r="4" spans="1:3">
      <c r="A4" s="30" t="s">
        <v>190</v>
      </c>
      <c r="B4" s="30">
        <v>0</v>
      </c>
    </row>
    <row r="5" spans="1:3">
      <c r="A5" s="30" t="s">
        <v>191</v>
      </c>
      <c r="B5" s="30">
        <v>0</v>
      </c>
    </row>
    <row r="7" spans="1:3">
      <c r="A7" s="30" t="s">
        <v>192</v>
      </c>
    </row>
    <row r="9" spans="1:3">
      <c r="A9" s="30" t="s">
        <v>193</v>
      </c>
      <c r="B9" s="30">
        <v>0</v>
      </c>
    </row>
    <row r="10" spans="1:3">
      <c r="A10" s="30" t="s">
        <v>194</v>
      </c>
      <c r="B10" s="30">
        <v>0</v>
      </c>
    </row>
    <row r="11" spans="1:3">
      <c r="A11" s="30" t="s">
        <v>195</v>
      </c>
      <c r="B11" s="30">
        <v>0</v>
      </c>
    </row>
    <row r="12" spans="1:3">
      <c r="A12" s="31" t="s">
        <v>196</v>
      </c>
      <c r="B12" s="31">
        <v>288</v>
      </c>
      <c r="C12" s="32"/>
    </row>
    <row r="13" spans="1:3">
      <c r="A13" s="30" t="s">
        <v>197</v>
      </c>
      <c r="B13" s="33">
        <v>0</v>
      </c>
      <c r="C13" s="32"/>
    </row>
    <row r="14" spans="1:3">
      <c r="A14" s="31" t="s">
        <v>198</v>
      </c>
      <c r="B14" s="31">
        <v>304</v>
      </c>
    </row>
    <row r="15" spans="1:3">
      <c r="A15" s="30" t="s">
        <v>199</v>
      </c>
    </row>
    <row r="16" spans="1:3">
      <c r="A16" s="31" t="s">
        <v>200</v>
      </c>
      <c r="B16" s="31">
        <v>200</v>
      </c>
    </row>
    <row r="17" spans="1:2">
      <c r="A17" s="30" t="s">
        <v>201</v>
      </c>
      <c r="B17" s="30">
        <v>0</v>
      </c>
    </row>
    <row r="18" spans="1:2">
      <c r="A18" s="30" t="s">
        <v>202</v>
      </c>
      <c r="B18" s="30">
        <v>0</v>
      </c>
    </row>
    <row r="19" spans="1:2">
      <c r="A19" s="30" t="s">
        <v>203</v>
      </c>
      <c r="B19" s="30">
        <v>0</v>
      </c>
    </row>
    <row r="20" spans="1:2">
      <c r="A20" s="30" t="s">
        <v>202</v>
      </c>
      <c r="B20" s="30">
        <v>0</v>
      </c>
    </row>
    <row r="21" spans="1:2">
      <c r="A21" s="30" t="s">
        <v>204</v>
      </c>
      <c r="B21" s="30">
        <v>0</v>
      </c>
    </row>
    <row r="22" spans="1:2">
      <c r="A22" s="31" t="s">
        <v>205</v>
      </c>
      <c r="B22" s="31">
        <v>523</v>
      </c>
    </row>
    <row r="23" spans="1:2">
      <c r="A23" s="30" t="s">
        <v>206</v>
      </c>
      <c r="B23" s="30">
        <v>0</v>
      </c>
    </row>
    <row r="24" spans="1:2">
      <c r="A24" s="30" t="s">
        <v>207</v>
      </c>
      <c r="B24" s="30">
        <v>0</v>
      </c>
    </row>
    <row r="25" spans="1:2">
      <c r="A25" s="30" t="s">
        <v>208</v>
      </c>
      <c r="B25" s="30">
        <v>0</v>
      </c>
    </row>
    <row r="26" spans="1:2">
      <c r="A26" s="30" t="s">
        <v>209</v>
      </c>
      <c r="B26" s="30">
        <v>0</v>
      </c>
    </row>
    <row r="28" spans="1:2">
      <c r="A28" s="30" t="s">
        <v>210</v>
      </c>
    </row>
    <row r="29" spans="1:2">
      <c r="A29" s="30" t="s">
        <v>211</v>
      </c>
      <c r="B29" s="30">
        <v>0</v>
      </c>
    </row>
    <row r="30" spans="1:2">
      <c r="A30" s="30" t="s">
        <v>212</v>
      </c>
      <c r="B30" s="30">
        <v>0</v>
      </c>
    </row>
    <row r="31" spans="1:2">
      <c r="A31" s="30" t="s">
        <v>213</v>
      </c>
      <c r="B31" s="30">
        <v>0</v>
      </c>
    </row>
    <row r="32" spans="1:2">
      <c r="A32" s="30" t="s">
        <v>214</v>
      </c>
      <c r="B32" s="30">
        <v>0</v>
      </c>
    </row>
  </sheetData>
  <customSheetViews>
    <customSheetView guid="{8A17AC69-55DF-4614-B83A-7D93DE081E37}" state="hidden">
      <selection activeCell="O45" sqref="O45"/>
      <pageMargins left="0.7" right="0.7" top="0.75" bottom="0.75" header="0.3" footer="0.3"/>
    </customSheetView>
    <customSheetView guid="{6B575A70-6A6A-450F-AE29-EB915E5E7E05}" topLeftCell="A8">
      <selection activeCell="A26" sqref="A26"/>
      <pageMargins left="0.7" right="0.7" top="0.75" bottom="0.75" header="0.3" footer="0.3"/>
    </customSheetView>
    <customSheetView guid="{347297B9-E98D-48A5-81C7-A3B6F79B807D}">
      <selection activeCell="A26" sqref="A26"/>
      <pageMargins left="0.7" right="0.7" top="0.75" bottom="0.75" header="0.3" footer="0.3"/>
    </customSheetView>
    <customSheetView guid="{0201BF4B-EFA9-4D0B-B527-84BCDAABA531}">
      <selection activeCell="A26" sqref="A26"/>
      <pageMargins left="0.7" right="0.7" top="0.75" bottom="0.75" header="0.3" footer="0.3"/>
    </customSheetView>
  </customSheetView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3"/>
  <sheetViews>
    <sheetView topLeftCell="A50" workbookViewId="0">
      <selection activeCell="J95" sqref="J95"/>
    </sheetView>
  </sheetViews>
  <sheetFormatPr defaultRowHeight="13.2"/>
  <cols>
    <col min="1" max="1" width="7.44140625" bestFit="1" customWidth="1"/>
  </cols>
  <sheetData>
    <row r="2" spans="1:3">
      <c r="A2" s="7">
        <v>14</v>
      </c>
      <c r="B2" t="s">
        <v>243</v>
      </c>
      <c r="C2" t="str">
        <f>CONCATENATE(A2,B2)</f>
        <v>14 sztuk</v>
      </c>
    </row>
    <row r="3" spans="1:3">
      <c r="A3" s="11">
        <v>28</v>
      </c>
      <c r="B3" t="s">
        <v>243</v>
      </c>
      <c r="C3" t="str">
        <f t="shared" ref="C3:C14" si="0">CONCATENATE(A3,B3)</f>
        <v>28 sztuk</v>
      </c>
    </row>
    <row r="4" spans="1:3">
      <c r="A4" s="11">
        <v>10</v>
      </c>
      <c r="B4" t="s">
        <v>243</v>
      </c>
      <c r="C4" t="str">
        <f t="shared" si="0"/>
        <v>10 sztuk</v>
      </c>
    </row>
    <row r="5" spans="1:3">
      <c r="A5" s="11">
        <v>20</v>
      </c>
      <c r="B5" t="s">
        <v>243</v>
      </c>
      <c r="C5" t="str">
        <f t="shared" si="0"/>
        <v>20 sztuk</v>
      </c>
    </row>
    <row r="6" spans="1:3">
      <c r="A6" s="11">
        <v>18</v>
      </c>
      <c r="B6" t="s">
        <v>243</v>
      </c>
      <c r="C6" t="str">
        <f t="shared" si="0"/>
        <v>18 sztuk</v>
      </c>
    </row>
    <row r="7" spans="1:3">
      <c r="A7" s="11">
        <v>16</v>
      </c>
      <c r="B7" t="s">
        <v>243</v>
      </c>
      <c r="C7" t="str">
        <f t="shared" si="0"/>
        <v>16 sztuk</v>
      </c>
    </row>
    <row r="8" spans="1:3">
      <c r="A8" s="7">
        <v>16</v>
      </c>
      <c r="B8" t="s">
        <v>243</v>
      </c>
      <c r="C8" t="str">
        <f t="shared" si="0"/>
        <v>16 sztuk</v>
      </c>
    </row>
    <row r="9" spans="1:3">
      <c r="A9" s="7">
        <v>12</v>
      </c>
      <c r="B9" t="s">
        <v>243</v>
      </c>
      <c r="C9" t="str">
        <f t="shared" si="0"/>
        <v>12 sztuk</v>
      </c>
    </row>
    <row r="10" spans="1:3">
      <c r="A10" s="7">
        <v>24</v>
      </c>
      <c r="B10" t="s">
        <v>243</v>
      </c>
      <c r="C10" t="str">
        <f t="shared" si="0"/>
        <v>24 sztuk</v>
      </c>
    </row>
    <row r="11" spans="1:3">
      <c r="A11" s="7">
        <v>30</v>
      </c>
      <c r="B11" t="s">
        <v>243</v>
      </c>
      <c r="C11" t="str">
        <f t="shared" si="0"/>
        <v>30 sztuk</v>
      </c>
    </row>
    <row r="12" spans="1:3">
      <c r="A12" s="7">
        <v>10</v>
      </c>
      <c r="B12" t="s">
        <v>243</v>
      </c>
      <c r="C12" t="str">
        <f t="shared" si="0"/>
        <v>10 sztuk</v>
      </c>
    </row>
    <row r="13" spans="1:3">
      <c r="A13" s="7">
        <v>20</v>
      </c>
      <c r="B13" t="s">
        <v>243</v>
      </c>
      <c r="C13" t="str">
        <f t="shared" si="0"/>
        <v>20 sztuk</v>
      </c>
    </row>
    <row r="14" spans="1:3">
      <c r="A14" s="7">
        <v>16</v>
      </c>
      <c r="B14" t="s">
        <v>243</v>
      </c>
      <c r="C14" t="str">
        <f t="shared" si="0"/>
        <v>16 sztuk</v>
      </c>
    </row>
    <row r="15" spans="1:3">
      <c r="A15" s="7">
        <v>12</v>
      </c>
      <c r="B15" t="s">
        <v>243</v>
      </c>
      <c r="C15" t="str">
        <f t="shared" ref="C15:C78" si="1">CONCATENATE(A15,B15)</f>
        <v>12 sztuk</v>
      </c>
    </row>
    <row r="16" spans="1:3">
      <c r="A16" s="7">
        <v>12</v>
      </c>
      <c r="B16" t="s">
        <v>243</v>
      </c>
      <c r="C16" t="str">
        <f t="shared" si="1"/>
        <v>12 sztuk</v>
      </c>
    </row>
    <row r="17" spans="1:3">
      <c r="A17" s="7">
        <v>30</v>
      </c>
      <c r="B17" t="s">
        <v>243</v>
      </c>
      <c r="C17" t="str">
        <f t="shared" si="1"/>
        <v>30 sztuk</v>
      </c>
    </row>
    <row r="18" spans="1:3">
      <c r="A18" s="50"/>
      <c r="B18" t="s">
        <v>243</v>
      </c>
    </row>
    <row r="19" spans="1:3">
      <c r="A19" s="7">
        <v>14</v>
      </c>
      <c r="B19" t="s">
        <v>243</v>
      </c>
      <c r="C19" t="str">
        <f t="shared" si="1"/>
        <v>14 sztuk</v>
      </c>
    </row>
    <row r="20" spans="1:3">
      <c r="A20" s="7">
        <v>24</v>
      </c>
      <c r="B20" t="s">
        <v>243</v>
      </c>
      <c r="C20" t="str">
        <f t="shared" si="1"/>
        <v>24 sztuk</v>
      </c>
    </row>
    <row r="21" spans="1:3">
      <c r="A21" s="7">
        <v>20</v>
      </c>
      <c r="B21" t="s">
        <v>243</v>
      </c>
      <c r="C21" t="str">
        <f t="shared" si="1"/>
        <v>20 sztuk</v>
      </c>
    </row>
    <row r="22" spans="1:3">
      <c r="A22" s="11">
        <v>20</v>
      </c>
      <c r="B22" t="s">
        <v>243</v>
      </c>
      <c r="C22" t="str">
        <f t="shared" si="1"/>
        <v>20 sztuk</v>
      </c>
    </row>
    <row r="23" spans="1:3">
      <c r="A23" s="46"/>
      <c r="B23" t="s">
        <v>243</v>
      </c>
    </row>
    <row r="24" spans="1:3">
      <c r="A24" s="7">
        <v>15</v>
      </c>
      <c r="B24" t="s">
        <v>243</v>
      </c>
      <c r="C24" t="str">
        <f t="shared" si="1"/>
        <v>15 sztuk</v>
      </c>
    </row>
    <row r="25" spans="1:3">
      <c r="A25" s="7">
        <v>10</v>
      </c>
      <c r="B25" t="s">
        <v>243</v>
      </c>
      <c r="C25" t="str">
        <f t="shared" si="1"/>
        <v>10 sztuk</v>
      </c>
    </row>
    <row r="26" spans="1:3">
      <c r="A26" s="11">
        <v>30</v>
      </c>
      <c r="B26" t="s">
        <v>243</v>
      </c>
      <c r="C26" t="str">
        <f t="shared" si="1"/>
        <v>30 sztuk</v>
      </c>
    </row>
    <row r="27" spans="1:3">
      <c r="A27" s="11">
        <v>10</v>
      </c>
      <c r="B27" t="s">
        <v>243</v>
      </c>
      <c r="C27" t="str">
        <f t="shared" si="1"/>
        <v>10 sztuk</v>
      </c>
    </row>
    <row r="28" spans="1:3">
      <c r="A28" s="11">
        <v>30</v>
      </c>
      <c r="B28" t="s">
        <v>243</v>
      </c>
      <c r="C28" t="str">
        <f t="shared" si="1"/>
        <v>30 sztuk</v>
      </c>
    </row>
    <row r="29" spans="1:3">
      <c r="A29" s="11">
        <v>15</v>
      </c>
      <c r="B29" t="s">
        <v>243</v>
      </c>
      <c r="C29" t="str">
        <f t="shared" si="1"/>
        <v>15 sztuk</v>
      </c>
    </row>
    <row r="30" spans="1:3">
      <c r="A30" s="11">
        <v>14</v>
      </c>
      <c r="B30" t="s">
        <v>243</v>
      </c>
      <c r="C30" t="str">
        <f t="shared" si="1"/>
        <v>14 sztuk</v>
      </c>
    </row>
    <row r="31" spans="1:3">
      <c r="A31" s="11">
        <v>10</v>
      </c>
      <c r="B31" t="s">
        <v>243</v>
      </c>
      <c r="C31" t="str">
        <f t="shared" si="1"/>
        <v>10 sztuk</v>
      </c>
    </row>
    <row r="32" spans="1:3">
      <c r="A32" s="11">
        <v>10</v>
      </c>
      <c r="B32" t="s">
        <v>243</v>
      </c>
      <c r="C32" t="str">
        <f t="shared" si="1"/>
        <v>10 sztuk</v>
      </c>
    </row>
    <row r="33" spans="1:3">
      <c r="A33" s="11">
        <v>12</v>
      </c>
      <c r="B33" t="s">
        <v>243</v>
      </c>
      <c r="C33" t="str">
        <f t="shared" si="1"/>
        <v>12 sztuk</v>
      </c>
    </row>
    <row r="34" spans="1:3">
      <c r="A34" s="11">
        <v>12</v>
      </c>
      <c r="B34" t="s">
        <v>243</v>
      </c>
      <c r="C34" t="str">
        <f t="shared" si="1"/>
        <v>12 sztuk</v>
      </c>
    </row>
    <row r="35" spans="1:3">
      <c r="A35" s="11">
        <v>12</v>
      </c>
      <c r="B35" t="s">
        <v>243</v>
      </c>
      <c r="C35" t="str">
        <f t="shared" si="1"/>
        <v>12 sztuk</v>
      </c>
    </row>
    <row r="36" spans="1:3">
      <c r="A36" s="46"/>
      <c r="B36" t="s">
        <v>243</v>
      </c>
    </row>
    <row r="37" spans="1:3">
      <c r="A37" s="7">
        <v>30</v>
      </c>
      <c r="B37" t="s">
        <v>243</v>
      </c>
      <c r="C37" t="str">
        <f t="shared" si="1"/>
        <v>30 sztuk</v>
      </c>
    </row>
    <row r="38" spans="1:3">
      <c r="A38" s="7">
        <v>30</v>
      </c>
      <c r="B38" t="s">
        <v>243</v>
      </c>
      <c r="C38" t="str">
        <f t="shared" si="1"/>
        <v>30 sztuk</v>
      </c>
    </row>
    <row r="39" spans="1:3">
      <c r="A39" s="7">
        <v>10</v>
      </c>
      <c r="B39" t="s">
        <v>243</v>
      </c>
      <c r="C39" t="str">
        <f t="shared" si="1"/>
        <v>10 sztuk</v>
      </c>
    </row>
    <row r="40" spans="1:3">
      <c r="A40" s="7">
        <v>30</v>
      </c>
      <c r="B40" t="s">
        <v>243</v>
      </c>
      <c r="C40" t="str">
        <f t="shared" si="1"/>
        <v>30 sztuk</v>
      </c>
    </row>
    <row r="41" spans="1:3">
      <c r="A41" s="7">
        <v>10</v>
      </c>
      <c r="B41" t="s">
        <v>243</v>
      </c>
      <c r="C41" t="str">
        <f t="shared" si="1"/>
        <v>10 sztuk</v>
      </c>
    </row>
    <row r="42" spans="1:3">
      <c r="A42" s="7">
        <v>30</v>
      </c>
      <c r="B42" t="s">
        <v>243</v>
      </c>
      <c r="C42" t="str">
        <f t="shared" si="1"/>
        <v>30 sztuk</v>
      </c>
    </row>
    <row r="43" spans="1:3">
      <c r="A43" s="46"/>
      <c r="B43" t="s">
        <v>243</v>
      </c>
    </row>
    <row r="44" spans="1:3">
      <c r="A44" s="11">
        <v>30</v>
      </c>
      <c r="B44" t="s">
        <v>243</v>
      </c>
      <c r="C44" t="str">
        <f t="shared" si="1"/>
        <v>30 sztuk</v>
      </c>
    </row>
    <row r="45" spans="1:3">
      <c r="A45" s="11">
        <v>30</v>
      </c>
      <c r="B45" t="s">
        <v>243</v>
      </c>
      <c r="C45" t="str">
        <f t="shared" si="1"/>
        <v>30 sztuk</v>
      </c>
    </row>
    <row r="46" spans="1:3">
      <c r="A46" s="11">
        <v>30</v>
      </c>
      <c r="B46" t="s">
        <v>243</v>
      </c>
      <c r="C46" t="str">
        <f t="shared" si="1"/>
        <v>30 sztuk</v>
      </c>
    </row>
    <row r="47" spans="1:3">
      <c r="A47" s="11">
        <v>30</v>
      </c>
      <c r="B47" t="s">
        <v>243</v>
      </c>
      <c r="C47" t="str">
        <f t="shared" si="1"/>
        <v>30 sztuk</v>
      </c>
    </row>
    <row r="48" spans="1:3">
      <c r="A48" s="46"/>
      <c r="B48" t="s">
        <v>243</v>
      </c>
    </row>
    <row r="49" spans="1:3">
      <c r="A49" s="7">
        <v>30</v>
      </c>
      <c r="B49" t="s">
        <v>243</v>
      </c>
      <c r="C49" t="str">
        <f t="shared" si="1"/>
        <v>30 sztuk</v>
      </c>
    </row>
    <row r="50" spans="1:3">
      <c r="A50" s="11">
        <v>10</v>
      </c>
      <c r="B50" t="s">
        <v>243</v>
      </c>
      <c r="C50" t="str">
        <f t="shared" si="1"/>
        <v>10 sztuk</v>
      </c>
    </row>
    <row r="51" spans="1:3">
      <c r="A51" s="11">
        <v>30</v>
      </c>
      <c r="B51" t="s">
        <v>243</v>
      </c>
      <c r="C51" t="str">
        <f t="shared" si="1"/>
        <v>30 sztuk</v>
      </c>
    </row>
    <row r="52" spans="1:3">
      <c r="A52" s="11">
        <v>10</v>
      </c>
      <c r="B52" t="s">
        <v>243</v>
      </c>
      <c r="C52" t="str">
        <f t="shared" si="1"/>
        <v>10 sztuk</v>
      </c>
    </row>
    <row r="53" spans="1:3">
      <c r="A53" s="11">
        <v>30</v>
      </c>
      <c r="B53" t="s">
        <v>243</v>
      </c>
      <c r="C53" t="str">
        <f t="shared" si="1"/>
        <v>30 sztuk</v>
      </c>
    </row>
    <row r="54" spans="1:3">
      <c r="A54" s="46"/>
      <c r="B54" t="s">
        <v>243</v>
      </c>
    </row>
    <row r="55" spans="1:3">
      <c r="A55" s="11">
        <v>30</v>
      </c>
      <c r="B55" t="s">
        <v>243</v>
      </c>
      <c r="C55" t="str">
        <f t="shared" si="1"/>
        <v>30 sztuk</v>
      </c>
    </row>
    <row r="56" spans="1:3">
      <c r="A56" s="11">
        <v>30</v>
      </c>
      <c r="B56" t="s">
        <v>243</v>
      </c>
      <c r="C56" t="str">
        <f t="shared" si="1"/>
        <v>30 sztuk</v>
      </c>
    </row>
    <row r="57" spans="1:3">
      <c r="A57" s="11">
        <v>30</v>
      </c>
      <c r="B57" t="s">
        <v>243</v>
      </c>
      <c r="C57" t="str">
        <f t="shared" si="1"/>
        <v>30 sztuk</v>
      </c>
    </row>
    <row r="58" spans="1:3">
      <c r="A58" s="11">
        <v>30</v>
      </c>
      <c r="B58" t="s">
        <v>243</v>
      </c>
      <c r="C58" t="str">
        <f t="shared" si="1"/>
        <v>30 sztuk</v>
      </c>
    </row>
    <row r="59" spans="1:3">
      <c r="A59" s="46"/>
      <c r="B59" t="s">
        <v>243</v>
      </c>
    </row>
    <row r="60" spans="1:3">
      <c r="A60" s="11">
        <v>24</v>
      </c>
      <c r="B60" t="s">
        <v>243</v>
      </c>
      <c r="C60" t="str">
        <f t="shared" si="1"/>
        <v>24 sztuk</v>
      </c>
    </row>
    <row r="61" spans="1:3">
      <c r="A61" s="11">
        <v>10</v>
      </c>
      <c r="B61" t="s">
        <v>243</v>
      </c>
      <c r="C61" t="str">
        <f t="shared" si="1"/>
        <v>10 sztuk</v>
      </c>
    </row>
    <row r="62" spans="1:3">
      <c r="A62" s="11">
        <v>10</v>
      </c>
      <c r="B62" t="s">
        <v>243</v>
      </c>
      <c r="C62" t="str">
        <f t="shared" si="1"/>
        <v>10 sztuk</v>
      </c>
    </row>
    <row r="63" spans="1:3">
      <c r="A63" s="46"/>
      <c r="B63" t="s">
        <v>243</v>
      </c>
    </row>
    <row r="64" spans="1:3">
      <c r="A64" s="11">
        <v>22</v>
      </c>
      <c r="B64" t="s">
        <v>243</v>
      </c>
      <c r="C64" t="str">
        <f t="shared" si="1"/>
        <v>22 sztuk</v>
      </c>
    </row>
    <row r="65" spans="1:3">
      <c r="A65" s="11">
        <v>22</v>
      </c>
      <c r="B65" t="s">
        <v>243</v>
      </c>
      <c r="C65" t="str">
        <f t="shared" si="1"/>
        <v>22 sztuk</v>
      </c>
    </row>
    <row r="66" spans="1:3">
      <c r="A66" s="11">
        <v>22</v>
      </c>
      <c r="B66" t="s">
        <v>243</v>
      </c>
      <c r="C66" t="str">
        <f t="shared" si="1"/>
        <v>22 sztuk</v>
      </c>
    </row>
    <row r="67" spans="1:3">
      <c r="A67" s="11">
        <v>21</v>
      </c>
      <c r="B67" t="s">
        <v>243</v>
      </c>
      <c r="C67" t="str">
        <f t="shared" si="1"/>
        <v>21 sztuk</v>
      </c>
    </row>
    <row r="68" spans="1:3">
      <c r="A68" s="46"/>
      <c r="B68" t="s">
        <v>243</v>
      </c>
    </row>
    <row r="69" spans="1:3">
      <c r="A69" s="11">
        <v>46</v>
      </c>
      <c r="B69" t="s">
        <v>243</v>
      </c>
      <c r="C69" t="str">
        <f t="shared" si="1"/>
        <v>46 sztuk</v>
      </c>
    </row>
    <row r="70" spans="1:3">
      <c r="A70" s="11">
        <v>40</v>
      </c>
      <c r="B70" t="s">
        <v>243</v>
      </c>
      <c r="C70" t="str">
        <f t="shared" si="1"/>
        <v>40 sztuk</v>
      </c>
    </row>
    <row r="71" spans="1:3">
      <c r="A71" s="11">
        <v>36</v>
      </c>
      <c r="B71" t="s">
        <v>243</v>
      </c>
      <c r="C71" t="str">
        <f t="shared" si="1"/>
        <v>36 sztuk</v>
      </c>
    </row>
    <row r="72" spans="1:3">
      <c r="A72" s="11">
        <v>28</v>
      </c>
      <c r="B72" t="s">
        <v>243</v>
      </c>
      <c r="C72" t="str">
        <f t="shared" si="1"/>
        <v>28 sztuk</v>
      </c>
    </row>
    <row r="73" spans="1:3">
      <c r="A73" s="42"/>
      <c r="B73" t="s">
        <v>243</v>
      </c>
    </row>
    <row r="74" spans="1:3">
      <c r="A74" s="7">
        <v>5</v>
      </c>
      <c r="B74" t="s">
        <v>243</v>
      </c>
      <c r="C74" t="str">
        <f t="shared" si="1"/>
        <v>5 sztuk</v>
      </c>
    </row>
    <row r="75" spans="1:3">
      <c r="A75" s="7">
        <v>5</v>
      </c>
      <c r="B75" t="s">
        <v>243</v>
      </c>
      <c r="C75" t="str">
        <f t="shared" si="1"/>
        <v>5 sztuk</v>
      </c>
    </row>
    <row r="76" spans="1:3">
      <c r="A76" s="7">
        <v>5</v>
      </c>
      <c r="B76" t="s">
        <v>243</v>
      </c>
      <c r="C76" t="str">
        <f t="shared" si="1"/>
        <v>5 sztuk</v>
      </c>
    </row>
    <row r="77" spans="1:3">
      <c r="A77" s="42"/>
      <c r="B77" t="s">
        <v>243</v>
      </c>
    </row>
    <row r="78" spans="1:3">
      <c r="A78" s="7">
        <v>5</v>
      </c>
      <c r="B78" t="s">
        <v>243</v>
      </c>
      <c r="C78" t="str">
        <f t="shared" si="1"/>
        <v>5 sztuk</v>
      </c>
    </row>
    <row r="79" spans="1:3">
      <c r="A79" s="7">
        <v>30</v>
      </c>
      <c r="B79" t="s">
        <v>243</v>
      </c>
      <c r="C79" t="str">
        <f t="shared" ref="C79:C91" si="2">CONCATENATE(A79,B79)</f>
        <v>30 sztuk</v>
      </c>
    </row>
    <row r="80" spans="1:3">
      <c r="A80" s="42"/>
      <c r="B80" t="s">
        <v>243</v>
      </c>
    </row>
    <row r="81" spans="1:3">
      <c r="A81" s="7">
        <v>5</v>
      </c>
      <c r="B81" t="s">
        <v>243</v>
      </c>
      <c r="C81" t="str">
        <f t="shared" si="2"/>
        <v>5 sztuk</v>
      </c>
    </row>
    <row r="82" spans="1:3">
      <c r="A82" s="7">
        <v>30</v>
      </c>
      <c r="B82" t="s">
        <v>243</v>
      </c>
      <c r="C82" t="str">
        <f t="shared" si="2"/>
        <v>30 sztuk</v>
      </c>
    </row>
    <row r="83" spans="1:3">
      <c r="A83" s="7">
        <v>5</v>
      </c>
      <c r="B83" t="s">
        <v>243</v>
      </c>
      <c r="C83" t="str">
        <f t="shared" si="2"/>
        <v>5 sztuk</v>
      </c>
    </row>
    <row r="84" spans="1:3">
      <c r="A84" s="7">
        <v>30</v>
      </c>
      <c r="B84" t="s">
        <v>243</v>
      </c>
      <c r="C84" t="str">
        <f t="shared" si="2"/>
        <v>30 sztuk</v>
      </c>
    </row>
    <row r="85" spans="1:3">
      <c r="A85" s="42"/>
      <c r="B85" t="s">
        <v>243</v>
      </c>
    </row>
    <row r="86" spans="1:3">
      <c r="A86" s="7">
        <v>100</v>
      </c>
      <c r="B86" t="s">
        <v>243</v>
      </c>
      <c r="C86" t="str">
        <f t="shared" si="2"/>
        <v>100 sztuk</v>
      </c>
    </row>
    <row r="87" spans="1:3">
      <c r="A87" s="42"/>
      <c r="B87" t="s">
        <v>243</v>
      </c>
    </row>
    <row r="88" spans="1:3">
      <c r="A88" s="7">
        <v>150</v>
      </c>
      <c r="B88" t="s">
        <v>243</v>
      </c>
      <c r="C88" t="str">
        <f t="shared" si="2"/>
        <v>150 sztuk</v>
      </c>
    </row>
    <row r="89" spans="1:3">
      <c r="A89" s="44"/>
      <c r="B89" t="s">
        <v>243</v>
      </c>
    </row>
    <row r="90" spans="1:3">
      <c r="A90" s="11">
        <v>30</v>
      </c>
      <c r="B90" t="s">
        <v>243</v>
      </c>
      <c r="C90" t="str">
        <f t="shared" si="2"/>
        <v>30 sztuk</v>
      </c>
    </row>
    <row r="91" spans="1:3">
      <c r="A91" s="11">
        <v>30</v>
      </c>
      <c r="B91" t="s">
        <v>243</v>
      </c>
      <c r="C91" t="str">
        <f t="shared" si="2"/>
        <v>30 sztuk</v>
      </c>
    </row>
    <row r="92" spans="1:3">
      <c r="A92" s="40"/>
      <c r="B92" t="s">
        <v>243</v>
      </c>
    </row>
    <row r="93" spans="1:3">
      <c r="A93" s="7" t="s">
        <v>32</v>
      </c>
      <c r="B93" t="s">
        <v>243</v>
      </c>
      <c r="C93" t="str">
        <f>A93</f>
        <v>1000 ml</v>
      </c>
    </row>
    <row r="94" spans="1:3">
      <c r="A94" s="7" t="s">
        <v>34</v>
      </c>
      <c r="B94" t="s">
        <v>243</v>
      </c>
      <c r="C94" t="str">
        <f t="shared" ref="C94:C102" si="3">A94</f>
        <v>400 ml</v>
      </c>
    </row>
    <row r="95" spans="1:3">
      <c r="A95" s="7" t="s">
        <v>45</v>
      </c>
      <c r="B95" t="s">
        <v>243</v>
      </c>
      <c r="C95" t="str">
        <f t="shared" si="3"/>
        <v>48 szt.</v>
      </c>
    </row>
    <row r="96" spans="1:3">
      <c r="A96" s="7" t="s">
        <v>37</v>
      </c>
      <c r="B96" t="s">
        <v>243</v>
      </c>
      <c r="C96" t="str">
        <f t="shared" si="3"/>
        <v>135 szt.</v>
      </c>
    </row>
    <row r="97" spans="1:3">
      <c r="A97" s="7" t="s">
        <v>74</v>
      </c>
      <c r="B97" t="s">
        <v>243</v>
      </c>
      <c r="C97" t="str">
        <f t="shared" si="3"/>
        <v>175 szt.</v>
      </c>
    </row>
    <row r="98" spans="1:3">
      <c r="A98" s="7" t="s">
        <v>38</v>
      </c>
      <c r="B98" t="s">
        <v>243</v>
      </c>
      <c r="C98" t="str">
        <f t="shared" si="3"/>
        <v>150 ml</v>
      </c>
    </row>
    <row r="99" spans="1:3">
      <c r="A99" s="7" t="s">
        <v>40</v>
      </c>
      <c r="B99" t="s">
        <v>243</v>
      </c>
      <c r="C99" t="str">
        <f t="shared" si="3"/>
        <v>500 ml</v>
      </c>
    </row>
    <row r="100" spans="1:3">
      <c r="A100" s="7" t="s">
        <v>38</v>
      </c>
      <c r="B100" t="s">
        <v>243</v>
      </c>
      <c r="C100" t="str">
        <f t="shared" si="3"/>
        <v>150 ml</v>
      </c>
    </row>
    <row r="101" spans="1:3">
      <c r="A101" s="7" t="s">
        <v>43</v>
      </c>
      <c r="B101" t="s">
        <v>243</v>
      </c>
      <c r="C101" t="str">
        <f t="shared" si="3"/>
        <v>100 ml</v>
      </c>
    </row>
    <row r="102" spans="1:3">
      <c r="A102" s="7" t="s">
        <v>40</v>
      </c>
      <c r="B102" t="s">
        <v>243</v>
      </c>
      <c r="C102" t="str">
        <f t="shared" si="3"/>
        <v>500 ml</v>
      </c>
    </row>
    <row r="103" spans="1:3">
      <c r="A103" s="14"/>
    </row>
  </sheetData>
  <autoFilter ref="A1:C104"/>
  <customSheetViews>
    <customSheetView guid="{8A17AC69-55DF-4614-B83A-7D93DE081E37}" showAutoFilter="1" state="hidden" topLeftCell="A50">
      <selection activeCell="J95" sqref="J95"/>
      <pageMargins left="0.7" right="0.7" top="0.75" bottom="0.75" header="0.3" footer="0.3"/>
      <autoFilter ref="A1:C104"/>
    </customSheetView>
    <customSheetView guid="{6B575A70-6A6A-450F-AE29-EB915E5E7E05}" showAutoFilter="1" state="hidden" topLeftCell="A50">
      <selection activeCell="J95" sqref="J95"/>
      <pageMargins left="0.7" right="0.7" top="0.75" bottom="0.75" header="0.3" footer="0.3"/>
      <autoFilter ref="A1:C104"/>
    </customSheetView>
    <customSheetView guid="{347297B9-E98D-48A5-81C7-A3B6F79B807D}" showAutoFilter="1" state="hidden" topLeftCell="A50">
      <selection activeCell="J95" sqref="J95"/>
      <pageMargins left="0.7" right="0.7" top="0.75" bottom="0.75" header="0.3" footer="0.3"/>
      <autoFilter ref="A1:C104"/>
    </customSheetView>
    <customSheetView guid="{0201BF4B-EFA9-4D0B-B527-84BCDAABA531}" showAutoFilter="1" state="hidden" topLeftCell="A50">
      <selection activeCell="J95" sqref="J95"/>
      <pageMargins left="0.7" right="0.7" top="0.75" bottom="0.75" header="0.3" footer="0.3"/>
      <autoFilter ref="A1:C104"/>
    </customSheetView>
  </customSheetView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4"/>
  <sheetViews>
    <sheetView workbookViewId="0">
      <selection activeCell="B28" sqref="B28"/>
    </sheetView>
  </sheetViews>
  <sheetFormatPr defaultRowHeight="13.2"/>
  <cols>
    <col min="1" max="1" width="44" bestFit="1" customWidth="1"/>
    <col min="2" max="2" width="55.5546875" bestFit="1" customWidth="1"/>
    <col min="3" max="3" width="23.88671875" bestFit="1" customWidth="1"/>
  </cols>
  <sheetData>
    <row r="1" spans="1:3">
      <c r="A1" s="16" t="s">
        <v>125</v>
      </c>
      <c r="B1" s="16" t="s">
        <v>101</v>
      </c>
      <c r="C1" s="15" t="s">
        <v>102</v>
      </c>
    </row>
    <row r="2" spans="1:3">
      <c r="A2" s="16" t="s">
        <v>125</v>
      </c>
      <c r="B2" s="16" t="s">
        <v>101</v>
      </c>
      <c r="C2" s="15" t="s">
        <v>103</v>
      </c>
    </row>
    <row r="3" spans="1:3">
      <c r="A3" s="16" t="s">
        <v>125</v>
      </c>
      <c r="B3" s="16" t="s">
        <v>101</v>
      </c>
      <c r="C3" s="15" t="s">
        <v>115</v>
      </c>
    </row>
    <row r="4" spans="1:3">
      <c r="A4" s="16" t="s">
        <v>125</v>
      </c>
      <c r="B4" s="16" t="s">
        <v>101</v>
      </c>
      <c r="C4" s="15" t="s">
        <v>104</v>
      </c>
    </row>
    <row r="5" spans="1:3">
      <c r="A5" s="16" t="s">
        <v>125</v>
      </c>
      <c r="B5" s="16" t="s">
        <v>101</v>
      </c>
      <c r="C5" s="15" t="s">
        <v>105</v>
      </c>
    </row>
    <row r="6" spans="1:3">
      <c r="A6" s="16" t="s">
        <v>125</v>
      </c>
      <c r="B6" s="16" t="s">
        <v>101</v>
      </c>
      <c r="C6" s="15" t="s">
        <v>106</v>
      </c>
    </row>
    <row r="7" spans="1:3">
      <c r="A7" s="16" t="s">
        <v>125</v>
      </c>
      <c r="B7" s="16" t="s">
        <v>101</v>
      </c>
      <c r="C7" s="15" t="s">
        <v>107</v>
      </c>
    </row>
    <row r="8" spans="1:3">
      <c r="A8" s="16" t="s">
        <v>125</v>
      </c>
      <c r="B8" s="16" t="s">
        <v>101</v>
      </c>
      <c r="C8" s="15" t="s">
        <v>132</v>
      </c>
    </row>
    <row r="9" spans="1:3">
      <c r="A9" s="16" t="s">
        <v>95</v>
      </c>
      <c r="B9" s="15" t="s">
        <v>116</v>
      </c>
    </row>
    <row r="10" spans="1:3">
      <c r="A10" s="16" t="s">
        <v>95</v>
      </c>
      <c r="B10" s="15" t="s">
        <v>100</v>
      </c>
    </row>
    <row r="11" spans="1:3">
      <c r="A11" s="16" t="s">
        <v>114</v>
      </c>
      <c r="B11" s="16" t="s">
        <v>126</v>
      </c>
    </row>
    <row r="12" spans="1:3">
      <c r="A12" s="16" t="s">
        <v>114</v>
      </c>
      <c r="B12" s="15" t="s">
        <v>132</v>
      </c>
    </row>
    <row r="13" spans="1:3">
      <c r="A13" s="16" t="s">
        <v>114</v>
      </c>
      <c r="B13" s="15" t="s">
        <v>98</v>
      </c>
    </row>
    <row r="14" spans="1:3">
      <c r="A14" s="16" t="s">
        <v>114</v>
      </c>
      <c r="B14" s="15" t="s">
        <v>99</v>
      </c>
    </row>
    <row r="15" spans="1:3">
      <c r="A15" s="16" t="s">
        <v>96</v>
      </c>
      <c r="B15" s="15" t="s">
        <v>97</v>
      </c>
    </row>
    <row r="16" spans="1:3">
      <c r="A16" s="16" t="s">
        <v>96</v>
      </c>
      <c r="B16" s="16" t="s">
        <v>126</v>
      </c>
    </row>
    <row r="17" spans="1:3">
      <c r="A17" s="16" t="s">
        <v>96</v>
      </c>
      <c r="B17" s="15" t="s">
        <v>98</v>
      </c>
    </row>
    <row r="18" spans="1:3">
      <c r="A18" s="16" t="s">
        <v>96</v>
      </c>
      <c r="B18" s="15" t="s">
        <v>99</v>
      </c>
    </row>
    <row r="19" spans="1:3">
      <c r="A19" s="16" t="s">
        <v>96</v>
      </c>
      <c r="B19" s="15" t="s">
        <v>111</v>
      </c>
    </row>
    <row r="20" spans="1:3">
      <c r="A20" s="16" t="s">
        <v>127</v>
      </c>
      <c r="B20" s="16" t="s">
        <v>109</v>
      </c>
    </row>
    <row r="21" spans="1:3">
      <c r="A21" s="16" t="s">
        <v>127</v>
      </c>
      <c r="B21" s="15" t="s">
        <v>133</v>
      </c>
    </row>
    <row r="22" spans="1:3">
      <c r="A22" s="16" t="s">
        <v>127</v>
      </c>
      <c r="B22" s="15" t="s">
        <v>134</v>
      </c>
    </row>
    <row r="23" spans="1:3">
      <c r="A23" s="16" t="s">
        <v>127</v>
      </c>
      <c r="B23" s="15" t="s">
        <v>135</v>
      </c>
    </row>
    <row r="24" spans="1:3">
      <c r="A24" s="16" t="s">
        <v>128</v>
      </c>
      <c r="B24" s="16" t="s">
        <v>113</v>
      </c>
    </row>
    <row r="25" spans="1:3">
      <c r="A25" s="16" t="s">
        <v>128</v>
      </c>
      <c r="B25" s="16" t="s">
        <v>110</v>
      </c>
    </row>
    <row r="26" spans="1:3">
      <c r="A26" s="16" t="s">
        <v>128</v>
      </c>
      <c r="B26" s="16" t="s">
        <v>112</v>
      </c>
    </row>
    <row r="27" spans="1:3">
      <c r="A27" s="16" t="s">
        <v>128</v>
      </c>
      <c r="B27" s="16" t="s">
        <v>97</v>
      </c>
    </row>
    <row r="28" spans="1:3">
      <c r="A28" s="16" t="s">
        <v>128</v>
      </c>
      <c r="B28" s="16" t="s">
        <v>131</v>
      </c>
    </row>
    <row r="29" spans="1:3">
      <c r="A29" s="16" t="s">
        <v>128</v>
      </c>
      <c r="B29" s="16" t="s">
        <v>117</v>
      </c>
    </row>
    <row r="30" spans="1:3">
      <c r="A30" s="16" t="s">
        <v>128</v>
      </c>
      <c r="B30" s="16" t="s">
        <v>138</v>
      </c>
      <c r="C30" s="16" t="s">
        <v>139</v>
      </c>
    </row>
    <row r="33" spans="1:1">
      <c r="A33" s="16" t="s">
        <v>130</v>
      </c>
    </row>
    <row r="34" spans="1:1">
      <c r="A34" s="16" t="s">
        <v>129</v>
      </c>
    </row>
    <row r="35" spans="1:1">
      <c r="A35" s="16" t="s">
        <v>108</v>
      </c>
    </row>
    <row r="37" spans="1:1">
      <c r="A37" s="17" t="s">
        <v>118</v>
      </c>
    </row>
    <row r="38" spans="1:1">
      <c r="A38" s="16" t="s">
        <v>119</v>
      </c>
    </row>
    <row r="39" spans="1:1">
      <c r="A39" s="16" t="s">
        <v>120</v>
      </c>
    </row>
    <row r="40" spans="1:1">
      <c r="A40" s="16" t="s">
        <v>121</v>
      </c>
    </row>
    <row r="41" spans="1:1">
      <c r="A41" s="16" t="s">
        <v>131</v>
      </c>
    </row>
    <row r="42" spans="1:1">
      <c r="A42" s="16" t="s">
        <v>122</v>
      </c>
    </row>
    <row r="43" spans="1:1">
      <c r="A43" s="16" t="s">
        <v>123</v>
      </c>
    </row>
    <row r="44" spans="1:1">
      <c r="A44" s="16" t="s">
        <v>124</v>
      </c>
    </row>
  </sheetData>
  <customSheetViews>
    <customSheetView guid="{8A17AC69-55DF-4614-B83A-7D93DE081E37}" state="hidden">
      <selection activeCell="B28" sqref="B28"/>
      <pageMargins left="0.7" right="0.7" top="0.75" bottom="0.75" header="0.3" footer="0.3"/>
    </customSheetView>
    <customSheetView guid="{6B575A70-6A6A-450F-AE29-EB915E5E7E05}" state="hidden">
      <selection activeCell="B28" sqref="B28"/>
      <pageMargins left="0.7" right="0.7" top="0.75" bottom="0.75" header="0.3" footer="0.3"/>
    </customSheetView>
    <customSheetView guid="{347297B9-E98D-48A5-81C7-A3B6F79B807D}" state="hidden">
      <selection activeCell="B28" sqref="B28"/>
      <pageMargins left="0.7" right="0.7" top="0.75" bottom="0.75" header="0.3" footer="0.3"/>
    </customSheetView>
    <customSheetView guid="{0201BF4B-EFA9-4D0B-B527-84BCDAABA531}" state="hidden">
      <selection activeCell="B28" sqref="B28"/>
      <pageMargins left="0.7" right="0.7" top="0.75" bottom="0.75" header="0.3" footer="0.3"/>
    </customSheetView>
  </customSheetView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03"/>
  <sheetViews>
    <sheetView workbookViewId="0">
      <selection activeCell="D1" sqref="D1:D1048576"/>
    </sheetView>
  </sheetViews>
  <sheetFormatPr defaultRowHeight="13.2"/>
  <cols>
    <col min="1" max="1" width="18.6640625" bestFit="1" customWidth="1"/>
    <col min="2" max="2" width="38.44140625" bestFit="1" customWidth="1"/>
    <col min="3" max="3" width="43.88671875" bestFit="1" customWidth="1"/>
    <col min="4" max="4" width="7.44140625" bestFit="1" customWidth="1"/>
  </cols>
  <sheetData>
    <row r="1" spans="1:4" ht="15" customHeight="1">
      <c r="A1" s="47" t="s">
        <v>81</v>
      </c>
      <c r="B1" s="47"/>
      <c r="C1" s="48" t="s">
        <v>0</v>
      </c>
      <c r="D1" s="48"/>
    </row>
    <row r="2" spans="1:4" ht="15" customHeight="1">
      <c r="A2" s="5">
        <v>1</v>
      </c>
      <c r="B2" s="6" t="s">
        <v>14</v>
      </c>
      <c r="C2" s="7">
        <v>757038</v>
      </c>
      <c r="D2" s="7">
        <v>14</v>
      </c>
    </row>
    <row r="3" spans="1:4" ht="15" customHeight="1">
      <c r="A3" s="5">
        <v>2</v>
      </c>
      <c r="B3" s="10" t="s">
        <v>14</v>
      </c>
      <c r="C3" s="11">
        <v>761130</v>
      </c>
      <c r="D3" s="11">
        <v>28</v>
      </c>
    </row>
    <row r="4" spans="1:4" ht="15" customHeight="1">
      <c r="A4" s="5">
        <v>3</v>
      </c>
      <c r="B4" s="10" t="s">
        <v>1</v>
      </c>
      <c r="C4" s="11">
        <v>757138</v>
      </c>
      <c r="D4" s="11">
        <v>10</v>
      </c>
    </row>
    <row r="5" spans="1:4" ht="15" customHeight="1">
      <c r="A5" s="5">
        <v>4</v>
      </c>
      <c r="B5" s="10" t="s">
        <v>1</v>
      </c>
      <c r="C5" s="11">
        <v>760210</v>
      </c>
      <c r="D5" s="11">
        <v>20</v>
      </c>
    </row>
    <row r="6" spans="1:4" ht="15" customHeight="1">
      <c r="A6" s="5">
        <v>5</v>
      </c>
      <c r="B6" s="10" t="s">
        <v>58</v>
      </c>
      <c r="C6" s="11">
        <v>762230</v>
      </c>
      <c r="D6" s="11">
        <v>18</v>
      </c>
    </row>
    <row r="7" spans="1:4" ht="15" customHeight="1">
      <c r="A7" s="5">
        <v>6</v>
      </c>
      <c r="B7" s="10" t="s">
        <v>15</v>
      </c>
      <c r="C7" s="11">
        <v>760311</v>
      </c>
      <c r="D7" s="11">
        <v>16</v>
      </c>
    </row>
    <row r="8" spans="1:4" ht="15" customHeight="1">
      <c r="A8" s="5">
        <v>7</v>
      </c>
      <c r="B8" s="6" t="s">
        <v>59</v>
      </c>
      <c r="C8" s="7">
        <v>762301</v>
      </c>
      <c r="D8" s="7">
        <v>16</v>
      </c>
    </row>
    <row r="9" spans="1:4" ht="15" customHeight="1">
      <c r="A9" s="5">
        <v>8</v>
      </c>
      <c r="B9" s="6" t="s">
        <v>2</v>
      </c>
      <c r="C9" s="7">
        <v>760411</v>
      </c>
      <c r="D9" s="7">
        <v>12</v>
      </c>
    </row>
    <row r="10" spans="1:4" ht="15" customHeight="1">
      <c r="A10" s="5">
        <v>9</v>
      </c>
      <c r="B10" s="6" t="s">
        <v>2</v>
      </c>
      <c r="C10" s="7">
        <v>760406</v>
      </c>
      <c r="D10" s="7">
        <v>24</v>
      </c>
    </row>
    <row r="11" spans="1:4" ht="15" customHeight="1">
      <c r="A11" s="5">
        <v>10</v>
      </c>
      <c r="B11" s="6" t="s">
        <v>2</v>
      </c>
      <c r="C11" s="7">
        <v>760476</v>
      </c>
      <c r="D11" s="7">
        <v>30</v>
      </c>
    </row>
    <row r="12" spans="1:4" ht="15" customHeight="1">
      <c r="A12" s="5">
        <v>11</v>
      </c>
      <c r="B12" s="6" t="s">
        <v>262</v>
      </c>
      <c r="C12" s="7">
        <v>760511</v>
      </c>
      <c r="D12" s="7">
        <v>10</v>
      </c>
    </row>
    <row r="13" spans="1:4" ht="15" customHeight="1">
      <c r="A13" s="5">
        <v>12</v>
      </c>
      <c r="B13" s="6" t="s">
        <v>3</v>
      </c>
      <c r="C13" s="7">
        <v>760506</v>
      </c>
      <c r="D13" s="7">
        <v>20</v>
      </c>
    </row>
    <row r="14" spans="1:4" ht="15" customHeight="1">
      <c r="A14" s="5">
        <v>13</v>
      </c>
      <c r="B14" s="6" t="s">
        <v>73</v>
      </c>
      <c r="C14" s="7">
        <v>760602</v>
      </c>
      <c r="D14" s="7">
        <v>16</v>
      </c>
    </row>
    <row r="15" spans="1:4" ht="15" customHeight="1">
      <c r="A15" s="5">
        <v>14</v>
      </c>
      <c r="B15" s="6" t="s">
        <v>53</v>
      </c>
      <c r="C15" s="7">
        <v>760931</v>
      </c>
      <c r="D15" s="7">
        <v>12</v>
      </c>
    </row>
    <row r="16" spans="1:4" ht="15" customHeight="1">
      <c r="A16" s="5">
        <v>15</v>
      </c>
      <c r="B16" s="6" t="s">
        <v>263</v>
      </c>
      <c r="C16" s="7">
        <v>760922</v>
      </c>
      <c r="D16" s="7">
        <v>12</v>
      </c>
    </row>
    <row r="17" spans="1:4" ht="15" customHeight="1">
      <c r="A17" s="5">
        <v>16</v>
      </c>
      <c r="B17" s="6" t="s">
        <v>4</v>
      </c>
      <c r="C17" s="7">
        <v>761703</v>
      </c>
      <c r="D17" s="7">
        <v>30</v>
      </c>
    </row>
    <row r="18" spans="1:4" ht="15" customHeight="1">
      <c r="A18" s="49" t="s">
        <v>82</v>
      </c>
      <c r="B18" s="49"/>
      <c r="C18" s="50" t="s">
        <v>9</v>
      </c>
      <c r="D18" s="50"/>
    </row>
    <row r="19" spans="1:4" ht="15" customHeight="1">
      <c r="A19" s="5">
        <v>17</v>
      </c>
      <c r="B19" s="6" t="s">
        <v>264</v>
      </c>
      <c r="C19" s="7">
        <v>750403</v>
      </c>
      <c r="D19" s="7">
        <v>14</v>
      </c>
    </row>
    <row r="20" spans="1:4" ht="15" customHeight="1">
      <c r="A20" s="5">
        <v>18</v>
      </c>
      <c r="B20" s="6" t="s">
        <v>66</v>
      </c>
      <c r="C20" s="7">
        <v>750651</v>
      </c>
      <c r="D20" s="7">
        <v>24</v>
      </c>
    </row>
    <row r="21" spans="1:4" ht="15" customHeight="1">
      <c r="A21" s="5">
        <v>19</v>
      </c>
      <c r="B21" s="6" t="s">
        <v>54</v>
      </c>
      <c r="C21" s="7">
        <v>750776</v>
      </c>
      <c r="D21" s="7">
        <v>20</v>
      </c>
    </row>
    <row r="22" spans="1:4" ht="15" customHeight="1">
      <c r="A22" s="5">
        <v>20</v>
      </c>
      <c r="B22" s="10" t="s">
        <v>60</v>
      </c>
      <c r="C22" s="11">
        <v>750858</v>
      </c>
      <c r="D22" s="11">
        <v>20</v>
      </c>
    </row>
    <row r="23" spans="1:4" ht="15" customHeight="1">
      <c r="A23" s="45" t="s">
        <v>83</v>
      </c>
      <c r="B23" s="45"/>
      <c r="C23" s="46" t="s">
        <v>12</v>
      </c>
      <c r="D23" s="46"/>
    </row>
    <row r="24" spans="1:4" ht="15" customHeight="1">
      <c r="A24" s="5">
        <v>21</v>
      </c>
      <c r="B24" s="6" t="s">
        <v>61</v>
      </c>
      <c r="C24" s="11">
        <v>791415</v>
      </c>
      <c r="D24" s="7">
        <v>15</v>
      </c>
    </row>
    <row r="25" spans="1:4" ht="15" customHeight="1">
      <c r="A25" s="5">
        <v>22</v>
      </c>
      <c r="B25" s="6" t="s">
        <v>67</v>
      </c>
      <c r="C25" s="11">
        <v>791510</v>
      </c>
      <c r="D25" s="7">
        <v>10</v>
      </c>
    </row>
    <row r="26" spans="1:4" ht="15" customHeight="1">
      <c r="A26" s="5">
        <v>23</v>
      </c>
      <c r="B26" s="6" t="s">
        <v>56</v>
      </c>
      <c r="C26" s="11">
        <v>791530</v>
      </c>
      <c r="D26" s="11">
        <v>30</v>
      </c>
    </row>
    <row r="27" spans="1:4" ht="15" customHeight="1">
      <c r="A27" s="5">
        <v>24</v>
      </c>
      <c r="B27" s="6" t="s">
        <v>68</v>
      </c>
      <c r="C27" s="11">
        <v>791610</v>
      </c>
      <c r="D27" s="11">
        <v>10</v>
      </c>
    </row>
    <row r="28" spans="1:4" ht="15" customHeight="1">
      <c r="A28" s="5">
        <v>25</v>
      </c>
      <c r="B28" s="6" t="s">
        <v>57</v>
      </c>
      <c r="C28" s="11">
        <v>791630</v>
      </c>
      <c r="D28" s="11">
        <v>30</v>
      </c>
    </row>
    <row r="29" spans="1:4" ht="15" customHeight="1">
      <c r="A29" s="5">
        <v>26</v>
      </c>
      <c r="B29" s="6" t="s">
        <v>62</v>
      </c>
      <c r="C29" s="11">
        <v>791715</v>
      </c>
      <c r="D29" s="11">
        <v>15</v>
      </c>
    </row>
    <row r="30" spans="1:4" ht="15" customHeight="1">
      <c r="A30" s="5">
        <v>27</v>
      </c>
      <c r="B30" s="6" t="s">
        <v>76</v>
      </c>
      <c r="C30" s="11">
        <v>792414</v>
      </c>
      <c r="D30" s="11">
        <v>14</v>
      </c>
    </row>
    <row r="31" spans="1:4" ht="15" customHeight="1">
      <c r="A31" s="5">
        <v>28</v>
      </c>
      <c r="B31" s="6" t="s">
        <v>46</v>
      </c>
      <c r="C31" s="11">
        <v>792510</v>
      </c>
      <c r="D31" s="11">
        <v>10</v>
      </c>
    </row>
    <row r="32" spans="1:4" ht="15" customHeight="1">
      <c r="A32" s="5">
        <v>29</v>
      </c>
      <c r="B32" s="6" t="s">
        <v>47</v>
      </c>
      <c r="C32" s="11">
        <v>792610</v>
      </c>
      <c r="D32" s="11">
        <v>10</v>
      </c>
    </row>
    <row r="33" spans="1:4" ht="15" customHeight="1">
      <c r="A33" s="5">
        <v>30</v>
      </c>
      <c r="B33" s="6" t="s">
        <v>77</v>
      </c>
      <c r="C33" s="11">
        <v>792712</v>
      </c>
      <c r="D33" s="11">
        <v>12</v>
      </c>
    </row>
    <row r="34" spans="1:4" ht="15" customHeight="1">
      <c r="A34" s="5">
        <v>31</v>
      </c>
      <c r="B34" s="6" t="s">
        <v>51</v>
      </c>
      <c r="C34" s="11">
        <v>793512</v>
      </c>
      <c r="D34" s="11">
        <v>12</v>
      </c>
    </row>
    <row r="35" spans="1:4" ht="15" customHeight="1">
      <c r="A35" s="5">
        <v>32</v>
      </c>
      <c r="B35" s="6" t="s">
        <v>52</v>
      </c>
      <c r="C35" s="11">
        <v>793612</v>
      </c>
      <c r="D35" s="11">
        <v>12</v>
      </c>
    </row>
    <row r="36" spans="1:4" ht="15" customHeight="1">
      <c r="A36" s="45" t="s">
        <v>84</v>
      </c>
      <c r="B36" s="45"/>
      <c r="C36" s="46" t="s">
        <v>13</v>
      </c>
      <c r="D36" s="46"/>
    </row>
    <row r="37" spans="1:4" ht="15" customHeight="1">
      <c r="A37" s="5">
        <v>33</v>
      </c>
      <c r="B37" s="6" t="s">
        <v>42</v>
      </c>
      <c r="C37" s="7">
        <v>710430</v>
      </c>
      <c r="D37" s="7">
        <v>30</v>
      </c>
    </row>
    <row r="38" spans="1:4" ht="15" customHeight="1">
      <c r="A38" s="5">
        <v>34</v>
      </c>
      <c r="B38" s="6" t="s">
        <v>25</v>
      </c>
      <c r="C38" s="11">
        <v>710530</v>
      </c>
      <c r="D38" s="7">
        <v>30</v>
      </c>
    </row>
    <row r="39" spans="1:4" ht="15" customHeight="1">
      <c r="A39" s="5">
        <v>35</v>
      </c>
      <c r="B39" s="6" t="s">
        <v>69</v>
      </c>
      <c r="C39" s="11">
        <v>710610</v>
      </c>
      <c r="D39" s="7">
        <v>10</v>
      </c>
    </row>
    <row r="40" spans="1:4" ht="15" customHeight="1">
      <c r="A40" s="5">
        <v>36</v>
      </c>
      <c r="B40" s="6" t="s">
        <v>26</v>
      </c>
      <c r="C40" s="11">
        <v>710630</v>
      </c>
      <c r="D40" s="7">
        <v>30</v>
      </c>
    </row>
    <row r="41" spans="1:4" ht="15" customHeight="1">
      <c r="A41" s="5">
        <v>37</v>
      </c>
      <c r="B41" s="6" t="s">
        <v>70</v>
      </c>
      <c r="C41" s="11">
        <v>710710</v>
      </c>
      <c r="D41" s="7">
        <v>10</v>
      </c>
    </row>
    <row r="42" spans="1:4" ht="15" customHeight="1">
      <c r="A42" s="5">
        <v>38</v>
      </c>
      <c r="B42" s="6" t="s">
        <v>27</v>
      </c>
      <c r="C42" s="11">
        <v>710730</v>
      </c>
      <c r="D42" s="7">
        <v>30</v>
      </c>
    </row>
    <row r="43" spans="1:4" ht="15" customHeight="1">
      <c r="A43" s="45" t="s">
        <v>85</v>
      </c>
      <c r="B43" s="45"/>
      <c r="C43" s="46" t="s">
        <v>13</v>
      </c>
      <c r="D43" s="46"/>
    </row>
    <row r="44" spans="1:4" ht="15" customHeight="1">
      <c r="A44" s="5">
        <v>39</v>
      </c>
      <c r="B44" s="6" t="s">
        <v>25</v>
      </c>
      <c r="C44" s="7">
        <v>723130</v>
      </c>
      <c r="D44" s="11">
        <v>30</v>
      </c>
    </row>
    <row r="45" spans="1:4" ht="15" customHeight="1">
      <c r="A45" s="5">
        <v>40</v>
      </c>
      <c r="B45" s="6" t="s">
        <v>26</v>
      </c>
      <c r="C45" s="7">
        <v>723230</v>
      </c>
      <c r="D45" s="11">
        <v>30</v>
      </c>
    </row>
    <row r="46" spans="1:4" ht="15" customHeight="1">
      <c r="A46" s="5">
        <v>41</v>
      </c>
      <c r="B46" s="6" t="s">
        <v>27</v>
      </c>
      <c r="C46" s="7">
        <v>723330</v>
      </c>
      <c r="D46" s="11">
        <v>30</v>
      </c>
    </row>
    <row r="47" spans="1:4" ht="15" customHeight="1">
      <c r="A47" s="5">
        <v>42</v>
      </c>
      <c r="B47" s="6" t="s">
        <v>28</v>
      </c>
      <c r="C47" s="7">
        <v>723430</v>
      </c>
      <c r="D47" s="11">
        <v>30</v>
      </c>
    </row>
    <row r="48" spans="1:4" ht="15" customHeight="1">
      <c r="A48" s="45" t="s">
        <v>86</v>
      </c>
      <c r="B48" s="45" t="s">
        <v>23</v>
      </c>
      <c r="C48" s="46" t="s">
        <v>16</v>
      </c>
      <c r="D48" s="46"/>
    </row>
    <row r="49" spans="1:4" ht="15" customHeight="1">
      <c r="A49" s="5">
        <v>43</v>
      </c>
      <c r="B49" s="6" t="s">
        <v>25</v>
      </c>
      <c r="C49" s="7">
        <v>711130</v>
      </c>
      <c r="D49" s="7">
        <v>30</v>
      </c>
    </row>
    <row r="50" spans="1:4" ht="15" customHeight="1">
      <c r="A50" s="5">
        <v>44</v>
      </c>
      <c r="B50" s="6" t="s">
        <v>26</v>
      </c>
      <c r="C50" s="11">
        <v>711210</v>
      </c>
      <c r="D50" s="11">
        <v>10</v>
      </c>
    </row>
    <row r="51" spans="1:4" ht="15" customHeight="1">
      <c r="A51" s="5">
        <v>45</v>
      </c>
      <c r="B51" s="6" t="s">
        <v>26</v>
      </c>
      <c r="C51" s="11">
        <v>711230</v>
      </c>
      <c r="D51" s="11">
        <v>30</v>
      </c>
    </row>
    <row r="52" spans="1:4" ht="15" customHeight="1">
      <c r="A52" s="5">
        <v>46</v>
      </c>
      <c r="B52" s="6" t="s">
        <v>27</v>
      </c>
      <c r="C52" s="11">
        <v>711410</v>
      </c>
      <c r="D52" s="11">
        <v>10</v>
      </c>
    </row>
    <row r="53" spans="1:4" ht="15" customHeight="1">
      <c r="A53" s="5">
        <v>47</v>
      </c>
      <c r="B53" s="6" t="s">
        <v>27</v>
      </c>
      <c r="C53" s="11">
        <v>711430</v>
      </c>
      <c r="D53" s="11">
        <v>30</v>
      </c>
    </row>
    <row r="54" spans="1:4" ht="15" customHeight="1">
      <c r="A54" s="45" t="s">
        <v>87</v>
      </c>
      <c r="B54" s="45" t="s">
        <v>24</v>
      </c>
      <c r="C54" s="46" t="s">
        <v>16</v>
      </c>
      <c r="D54" s="46"/>
    </row>
    <row r="55" spans="1:4" ht="15" customHeight="1">
      <c r="A55" s="5">
        <v>48</v>
      </c>
      <c r="B55" s="6" t="s">
        <v>25</v>
      </c>
      <c r="C55" s="7">
        <v>724130</v>
      </c>
      <c r="D55" s="11">
        <v>30</v>
      </c>
    </row>
    <row r="56" spans="1:4" ht="15" customHeight="1">
      <c r="A56" s="5">
        <v>49</v>
      </c>
      <c r="B56" s="6" t="s">
        <v>26</v>
      </c>
      <c r="C56" s="7">
        <v>724230</v>
      </c>
      <c r="D56" s="11">
        <v>30</v>
      </c>
    </row>
    <row r="57" spans="1:4" ht="15" customHeight="1">
      <c r="A57" s="5">
        <v>50</v>
      </c>
      <c r="B57" s="6" t="s">
        <v>27</v>
      </c>
      <c r="C57" s="7">
        <v>724330</v>
      </c>
      <c r="D57" s="11">
        <v>30</v>
      </c>
    </row>
    <row r="58" spans="1:4" ht="15" customHeight="1">
      <c r="A58" s="5">
        <v>51</v>
      </c>
      <c r="B58" s="6" t="s">
        <v>28</v>
      </c>
      <c r="C58" s="7">
        <v>724430</v>
      </c>
      <c r="D58" s="11">
        <v>30</v>
      </c>
    </row>
    <row r="59" spans="1:4" ht="15" customHeight="1">
      <c r="A59" s="45" t="s">
        <v>88</v>
      </c>
      <c r="B59" s="45"/>
      <c r="C59" s="46" t="s">
        <v>50</v>
      </c>
      <c r="D59" s="46"/>
    </row>
    <row r="60" spans="1:4" ht="15" customHeight="1">
      <c r="A60" s="5">
        <v>52</v>
      </c>
      <c r="B60" s="6" t="s">
        <v>25</v>
      </c>
      <c r="C60" s="11">
        <v>710824</v>
      </c>
      <c r="D60" s="11">
        <v>24</v>
      </c>
    </row>
    <row r="61" spans="1:4" ht="15" customHeight="1">
      <c r="A61" s="5">
        <v>53</v>
      </c>
      <c r="B61" s="6" t="s">
        <v>26</v>
      </c>
      <c r="C61" s="11">
        <v>710910</v>
      </c>
      <c r="D61" s="11">
        <v>10</v>
      </c>
    </row>
    <row r="62" spans="1:4" ht="15" customHeight="1">
      <c r="A62" s="5">
        <v>54</v>
      </c>
      <c r="B62" s="6" t="s">
        <v>27</v>
      </c>
      <c r="C62" s="11">
        <v>711010</v>
      </c>
      <c r="D62" s="11">
        <v>10</v>
      </c>
    </row>
    <row r="63" spans="1:4" ht="15" customHeight="1">
      <c r="A63" s="45" t="s">
        <v>89</v>
      </c>
      <c r="B63" s="45"/>
      <c r="C63" s="46" t="s">
        <v>50</v>
      </c>
      <c r="D63" s="46"/>
    </row>
    <row r="64" spans="1:4" ht="15" customHeight="1">
      <c r="A64" s="5">
        <v>55</v>
      </c>
      <c r="B64" s="6" t="s">
        <v>25</v>
      </c>
      <c r="C64" s="7">
        <v>725122</v>
      </c>
      <c r="D64" s="11">
        <v>22</v>
      </c>
    </row>
    <row r="65" spans="1:4" ht="15" customHeight="1">
      <c r="A65" s="5">
        <v>56</v>
      </c>
      <c r="B65" s="6" t="s">
        <v>26</v>
      </c>
      <c r="C65" s="7">
        <v>725222</v>
      </c>
      <c r="D65" s="11">
        <v>22</v>
      </c>
    </row>
    <row r="66" spans="1:4" ht="15" customHeight="1">
      <c r="A66" s="5">
        <v>57</v>
      </c>
      <c r="B66" s="6" t="s">
        <v>27</v>
      </c>
      <c r="C66" s="7">
        <v>725322</v>
      </c>
      <c r="D66" s="11">
        <v>22</v>
      </c>
    </row>
    <row r="67" spans="1:4" ht="15" customHeight="1">
      <c r="A67" s="5">
        <v>58</v>
      </c>
      <c r="B67" s="6" t="s">
        <v>28</v>
      </c>
      <c r="C67" s="7">
        <v>725421</v>
      </c>
      <c r="D67" s="11">
        <v>21</v>
      </c>
    </row>
    <row r="68" spans="1:4" ht="15" customHeight="1">
      <c r="A68" s="45" t="s">
        <v>90</v>
      </c>
      <c r="B68" s="45"/>
      <c r="C68" s="46" t="s">
        <v>10</v>
      </c>
      <c r="D68" s="46"/>
    </row>
    <row r="69" spans="1:4" ht="15" customHeight="1">
      <c r="A69" s="5">
        <v>59</v>
      </c>
      <c r="B69" s="6" t="s">
        <v>5</v>
      </c>
      <c r="C69" s="11">
        <v>752846</v>
      </c>
      <c r="D69" s="11">
        <v>46</v>
      </c>
    </row>
    <row r="70" spans="1:4" ht="15" customHeight="1">
      <c r="A70" s="5">
        <v>60</v>
      </c>
      <c r="B70" s="6" t="s">
        <v>6</v>
      </c>
      <c r="C70" s="11">
        <v>753040</v>
      </c>
      <c r="D70" s="11">
        <v>40</v>
      </c>
    </row>
    <row r="71" spans="1:4" ht="15" customHeight="1">
      <c r="A71" s="5">
        <v>61</v>
      </c>
      <c r="B71" s="6" t="s">
        <v>7</v>
      </c>
      <c r="C71" s="11">
        <v>758136</v>
      </c>
      <c r="D71" s="11">
        <v>36</v>
      </c>
    </row>
    <row r="72" spans="1:4" ht="15" customHeight="1">
      <c r="A72" s="5">
        <v>62</v>
      </c>
      <c r="B72" s="6" t="s">
        <v>8</v>
      </c>
      <c r="C72" s="11">
        <v>759128</v>
      </c>
      <c r="D72" s="11">
        <v>28</v>
      </c>
    </row>
    <row r="73" spans="1:4" ht="15" customHeight="1">
      <c r="A73" s="41" t="s">
        <v>91</v>
      </c>
      <c r="B73" s="41"/>
      <c r="C73" s="42" t="s">
        <v>11</v>
      </c>
      <c r="D73" s="42"/>
    </row>
    <row r="74" spans="1:4" ht="15" customHeight="1">
      <c r="A74" s="5">
        <v>63</v>
      </c>
      <c r="B74" s="6" t="s">
        <v>26</v>
      </c>
      <c r="C74" s="7">
        <v>754024</v>
      </c>
      <c r="D74" s="7">
        <v>5</v>
      </c>
    </row>
    <row r="75" spans="1:4" ht="15" customHeight="1">
      <c r="A75" s="5">
        <v>64</v>
      </c>
      <c r="B75" s="6" t="s">
        <v>27</v>
      </c>
      <c r="C75" s="7">
        <v>754025</v>
      </c>
      <c r="D75" s="7">
        <v>5</v>
      </c>
    </row>
    <row r="76" spans="1:4" ht="15" customHeight="1">
      <c r="A76" s="5">
        <v>65</v>
      </c>
      <c r="B76" s="6" t="s">
        <v>28</v>
      </c>
      <c r="C76" s="7">
        <v>754026</v>
      </c>
      <c r="D76" s="7">
        <v>5</v>
      </c>
    </row>
    <row r="77" spans="1:4" ht="15" customHeight="1">
      <c r="A77" s="41" t="s">
        <v>92</v>
      </c>
      <c r="B77" s="41"/>
      <c r="C77" s="42" t="s">
        <v>17</v>
      </c>
      <c r="D77" s="42"/>
    </row>
    <row r="78" spans="1:4" ht="15" customHeight="1">
      <c r="A78" s="5">
        <v>66</v>
      </c>
      <c r="B78" s="6" t="s">
        <v>30</v>
      </c>
      <c r="C78" s="7">
        <v>770057</v>
      </c>
      <c r="D78" s="7">
        <v>5</v>
      </c>
    </row>
    <row r="79" spans="1:4" ht="15" customHeight="1">
      <c r="A79" s="5">
        <v>67</v>
      </c>
      <c r="B79" s="6" t="s">
        <v>30</v>
      </c>
      <c r="C79" s="7">
        <v>770038</v>
      </c>
      <c r="D79" s="7">
        <v>30</v>
      </c>
    </row>
    <row r="80" spans="1:4" ht="15" customHeight="1">
      <c r="A80" s="41" t="s">
        <v>93</v>
      </c>
      <c r="B80" s="41"/>
      <c r="C80" s="42" t="s">
        <v>17</v>
      </c>
      <c r="D80" s="42"/>
    </row>
    <row r="81" spans="1:4" ht="15" customHeight="1">
      <c r="A81" s="5">
        <v>68</v>
      </c>
      <c r="B81" s="6" t="s">
        <v>71</v>
      </c>
      <c r="C81" s="7">
        <v>770054</v>
      </c>
      <c r="D81" s="7">
        <v>5</v>
      </c>
    </row>
    <row r="82" spans="1:4" ht="15" customHeight="1">
      <c r="A82" s="5">
        <v>69</v>
      </c>
      <c r="B82" s="6" t="s">
        <v>29</v>
      </c>
      <c r="C82" s="7">
        <v>770100</v>
      </c>
      <c r="D82" s="7">
        <v>30</v>
      </c>
    </row>
    <row r="83" spans="1:4" ht="15" customHeight="1">
      <c r="A83" s="5">
        <v>70</v>
      </c>
      <c r="B83" s="6" t="s">
        <v>72</v>
      </c>
      <c r="C83" s="7">
        <v>770055</v>
      </c>
      <c r="D83" s="7">
        <v>5</v>
      </c>
    </row>
    <row r="84" spans="1:4" ht="15" customHeight="1">
      <c r="A84" s="5">
        <v>71</v>
      </c>
      <c r="B84" s="6" t="s">
        <v>30</v>
      </c>
      <c r="C84" s="7">
        <v>770104</v>
      </c>
      <c r="D84" s="7">
        <v>30</v>
      </c>
    </row>
    <row r="85" spans="1:4" ht="15" customHeight="1">
      <c r="A85" s="41" t="s">
        <v>261</v>
      </c>
      <c r="B85" s="41"/>
      <c r="C85" s="42" t="s">
        <v>18</v>
      </c>
      <c r="D85" s="42"/>
    </row>
    <row r="86" spans="1:4" ht="15" customHeight="1">
      <c r="A86" s="5">
        <v>72</v>
      </c>
      <c r="B86" s="6" t="s">
        <v>265</v>
      </c>
      <c r="C86" s="7">
        <v>774455</v>
      </c>
      <c r="D86" s="7">
        <v>100</v>
      </c>
    </row>
    <row r="87" spans="1:4" ht="15" customHeight="1">
      <c r="A87" s="41" t="s">
        <v>49</v>
      </c>
      <c r="B87" s="41"/>
      <c r="C87" s="42" t="s">
        <v>19</v>
      </c>
      <c r="D87" s="42"/>
    </row>
    <row r="88" spans="1:4" ht="15" customHeight="1">
      <c r="A88" s="5">
        <v>73</v>
      </c>
      <c r="B88" s="6" t="s">
        <v>20</v>
      </c>
      <c r="C88" s="7">
        <v>720511</v>
      </c>
      <c r="D88" s="7">
        <v>150</v>
      </c>
    </row>
    <row r="89" spans="1:4" ht="15" customHeight="1">
      <c r="A89" s="43" t="s">
        <v>65</v>
      </c>
      <c r="B89" s="43" t="s">
        <v>21</v>
      </c>
      <c r="C89" s="44" t="s">
        <v>22</v>
      </c>
      <c r="D89" s="44"/>
    </row>
    <row r="90" spans="1:4" ht="15" customHeight="1">
      <c r="A90" s="5">
        <v>74</v>
      </c>
      <c r="B90" s="6" t="s">
        <v>63</v>
      </c>
      <c r="C90" s="11">
        <v>5369</v>
      </c>
      <c r="D90" s="11">
        <v>30</v>
      </c>
    </row>
    <row r="91" spans="1:4" ht="15" customHeight="1">
      <c r="A91" s="5">
        <v>75</v>
      </c>
      <c r="B91" s="6" t="s">
        <v>64</v>
      </c>
      <c r="C91" s="11">
        <v>5619</v>
      </c>
      <c r="D91" s="11">
        <v>30</v>
      </c>
    </row>
    <row r="92" spans="1:4" ht="15" customHeight="1">
      <c r="A92" s="39" t="s">
        <v>80</v>
      </c>
      <c r="B92" s="39" t="s">
        <v>80</v>
      </c>
      <c r="C92" s="40" t="s">
        <v>94</v>
      </c>
      <c r="D92" s="40"/>
    </row>
    <row r="93" spans="1:4" ht="15" customHeight="1">
      <c r="A93" s="5">
        <v>1</v>
      </c>
      <c r="B93" s="6" t="s">
        <v>31</v>
      </c>
      <c r="C93" s="7">
        <v>4250</v>
      </c>
      <c r="D93" s="7" t="s">
        <v>32</v>
      </c>
    </row>
    <row r="94" spans="1:4" ht="15" customHeight="1">
      <c r="A94" s="5">
        <v>2</v>
      </c>
      <c r="B94" s="6" t="s">
        <v>33</v>
      </c>
      <c r="C94" s="7">
        <v>4248</v>
      </c>
      <c r="D94" s="7" t="s">
        <v>34</v>
      </c>
    </row>
    <row r="95" spans="1:4" ht="15" customHeight="1">
      <c r="A95" s="5">
        <v>3</v>
      </c>
      <c r="B95" s="6" t="s">
        <v>35</v>
      </c>
      <c r="C95" s="7">
        <v>6479</v>
      </c>
      <c r="D95" s="7" t="s">
        <v>45</v>
      </c>
    </row>
    <row r="96" spans="1:4" ht="15" customHeight="1">
      <c r="A96" s="5">
        <v>4</v>
      </c>
      <c r="B96" s="6" t="s">
        <v>36</v>
      </c>
      <c r="C96" s="7">
        <v>740710</v>
      </c>
      <c r="D96" s="7" t="s">
        <v>37</v>
      </c>
    </row>
    <row r="97" spans="1:4" ht="15" customHeight="1">
      <c r="A97" s="5">
        <v>5</v>
      </c>
      <c r="B97" s="6" t="s">
        <v>75</v>
      </c>
      <c r="C97" s="7">
        <v>740500</v>
      </c>
      <c r="D97" s="7" t="s">
        <v>74</v>
      </c>
    </row>
    <row r="98" spans="1:4" ht="15" customHeight="1">
      <c r="A98" s="5">
        <v>6</v>
      </c>
      <c r="B98" s="6" t="s">
        <v>48</v>
      </c>
      <c r="C98" s="7">
        <v>4235</v>
      </c>
      <c r="D98" s="7" t="s">
        <v>38</v>
      </c>
    </row>
    <row r="99" spans="1:4" ht="15" customHeight="1">
      <c r="A99" s="5">
        <v>7</v>
      </c>
      <c r="B99" s="6" t="s">
        <v>39</v>
      </c>
      <c r="C99" s="7">
        <v>1146</v>
      </c>
      <c r="D99" s="7" t="s">
        <v>40</v>
      </c>
    </row>
    <row r="100" spans="1:4" ht="15" customHeight="1">
      <c r="A100" s="5">
        <v>8</v>
      </c>
      <c r="B100" s="6" t="s">
        <v>41</v>
      </c>
      <c r="C100" s="7">
        <v>4657</v>
      </c>
      <c r="D100" s="7" t="s">
        <v>38</v>
      </c>
    </row>
    <row r="101" spans="1:4" ht="15" customHeight="1">
      <c r="A101" s="5">
        <v>9</v>
      </c>
      <c r="B101" s="6" t="s">
        <v>44</v>
      </c>
      <c r="C101" s="7">
        <v>4223</v>
      </c>
      <c r="D101" s="7" t="s">
        <v>43</v>
      </c>
    </row>
    <row r="102" spans="1:4" ht="15" customHeight="1">
      <c r="A102" s="5">
        <v>10</v>
      </c>
      <c r="B102" s="6" t="s">
        <v>79</v>
      </c>
      <c r="C102" s="7">
        <v>1208</v>
      </c>
      <c r="D102" s="7" t="s">
        <v>40</v>
      </c>
    </row>
    <row r="103" spans="1:4" ht="15" customHeight="1">
      <c r="A103" s="13"/>
      <c r="B103" s="14"/>
      <c r="C103" s="14"/>
      <c r="D103" s="14"/>
    </row>
  </sheetData>
  <customSheetViews>
    <customSheetView guid="{8A17AC69-55DF-4614-B83A-7D93DE081E37}" state="hidden">
      <selection activeCell="D1" sqref="D1:D1048576"/>
      <pageMargins left="0.7" right="0.7" top="0.75" bottom="0.75" header="0.3" footer="0.3"/>
    </customSheetView>
    <customSheetView guid="{6B575A70-6A6A-450F-AE29-EB915E5E7E05}" state="hidden">
      <selection activeCell="D1" sqref="D1:D1048576"/>
      <pageMargins left="0.7" right="0.7" top="0.75" bottom="0.75" header="0.3" footer="0.3"/>
    </customSheetView>
    <customSheetView guid="{347297B9-E98D-48A5-81C7-A3B6F79B807D}" state="hidden">
      <selection activeCell="D1" sqref="D1:D1048576"/>
      <pageMargins left="0.7" right="0.7" top="0.75" bottom="0.75" header="0.3" footer="0.3"/>
    </customSheetView>
    <customSheetView guid="{0201BF4B-EFA9-4D0B-B527-84BCDAABA531}" state="hidden">
      <selection activeCell="D1" sqref="D1:D1048576"/>
      <pageMargins left="0.7" right="0.7" top="0.75" bottom="0.75" header="0.3" footer="0.3"/>
    </customSheetView>
  </customSheetViews>
  <pageMargins left="0.7" right="0.7" top="0.75" bottom="0.75" header="0.3" footer="0.3"/>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0</vt:i4>
      </vt:variant>
    </vt:vector>
  </HeadingPairs>
  <TitlesOfParts>
    <vt:vector size="10" baseType="lpstr">
      <vt:lpstr>Products</vt:lpstr>
      <vt:lpstr>Categorization</vt:lpstr>
      <vt:lpstr>Categorization (2)</vt:lpstr>
      <vt:lpstr>TENA Pants (rozmiary)</vt:lpstr>
      <vt:lpstr>Legenda do Products</vt:lpstr>
      <vt:lpstr>DOZ keywords</vt:lpstr>
      <vt:lpstr>Helper tab</vt:lpstr>
      <vt:lpstr>Categories</vt:lpstr>
      <vt:lpstr>Pionowo</vt:lpstr>
      <vt:lpstr>Poziomo</vt:lpstr>
    </vt:vector>
  </TitlesOfParts>
  <Company>SC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orczowski Mariusz</dc:creator>
  <cp:lastModifiedBy>RODZIK Adam</cp:lastModifiedBy>
  <cp:lastPrinted>2015-12-07T08:52:50Z</cp:lastPrinted>
  <dcterms:created xsi:type="dcterms:W3CDTF">2006-11-14T12:54:19Z</dcterms:created>
  <dcterms:modified xsi:type="dcterms:W3CDTF">2017-10-06T11:18:03Z</dcterms:modified>
</cp:coreProperties>
</file>